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notesMasterIdLst>
    <p:notesMasterId r:id="rId32"/>
  </p:notesMasterIdLst>
  <p:handoutMasterIdLst>
    <p:handoutMasterId r:id="rId33"/>
  </p:handoutMasterIdLst>
  <p:sldIdLst>
    <p:sldId id="336" r:id="rId6"/>
    <p:sldId id="341" r:id="rId7"/>
    <p:sldId id="338" r:id="rId8"/>
    <p:sldId id="339" r:id="rId9"/>
    <p:sldId id="349" r:id="rId10"/>
    <p:sldId id="350" r:id="rId11"/>
    <p:sldId id="342" r:id="rId12"/>
    <p:sldId id="343" r:id="rId13"/>
    <p:sldId id="344" r:id="rId14"/>
    <p:sldId id="345" r:id="rId15"/>
    <p:sldId id="346" r:id="rId16"/>
    <p:sldId id="348" r:id="rId17"/>
    <p:sldId id="351" r:id="rId18"/>
    <p:sldId id="352" r:id="rId19"/>
    <p:sldId id="362" r:id="rId20"/>
    <p:sldId id="364" r:id="rId21"/>
    <p:sldId id="353" r:id="rId22"/>
    <p:sldId id="358" r:id="rId23"/>
    <p:sldId id="359" r:id="rId24"/>
    <p:sldId id="360" r:id="rId25"/>
    <p:sldId id="361" r:id="rId26"/>
    <p:sldId id="363" r:id="rId27"/>
    <p:sldId id="354" r:id="rId28"/>
    <p:sldId id="356" r:id="rId29"/>
    <p:sldId id="357" r:id="rId30"/>
    <p:sldId id="365" r:id="rId31"/>
  </p:sldIdLst>
  <p:sldSz cx="12192000" cy="6858000"/>
  <p:notesSz cx="6858000" cy="9144000"/>
  <p:custDataLst>
    <p:tags r:id="rId34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AEAFA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64B5F70-A701-4EC8-B57F-ACA4B7912268}" v="6" dt="2026-05-10T16:04:00.359"/>
    <p1510:client id="{533A1184-283F-4975-A064-79064A7E3D7F}" v="13" dt="2026-05-10T21:02:13.423"/>
  </p1510:revLst>
</p1510:revInfo>
</file>

<file path=ppt/tableStyles.xml><?xml version="1.0" encoding="utf-8"?>
<a:tblStyleLst xmlns:a="http://schemas.openxmlformats.org/drawingml/2006/main" def="{5940675A-B579-460E-94D1-54222C63F5D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6" autoAdjust="0"/>
    <p:restoredTop sz="93129" autoAdjust="0"/>
  </p:normalViewPr>
  <p:slideViewPr>
    <p:cSldViewPr snapToGrid="0" showGuides="1">
      <p:cViewPr varScale="1">
        <p:scale>
          <a:sx n="107" d="100"/>
          <a:sy n="107" d="100"/>
        </p:scale>
        <p:origin x="672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65" d="100"/>
          <a:sy n="65" d="100"/>
        </p:scale>
        <p:origin x="1896" y="5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39" Type="http://schemas.microsoft.com/office/2015/10/relationships/revisionInfo" Target="revisionInfo.xml"/><Relationship Id="rId21" Type="http://schemas.openxmlformats.org/officeDocument/2006/relationships/slide" Target="slides/slide16.xml"/><Relationship Id="rId34" Type="http://schemas.openxmlformats.org/officeDocument/2006/relationships/tags" Target="tags/tag1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29" Type="http://schemas.openxmlformats.org/officeDocument/2006/relationships/slide" Target="slides/slide24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slide" Target="slides/slide23.xml"/><Relationship Id="rId36" Type="http://schemas.openxmlformats.org/officeDocument/2006/relationships/viewProps" Target="viewProps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31" Type="http://schemas.openxmlformats.org/officeDocument/2006/relationships/slide" Target="slides/slide26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slide" Target="slides/slide25.xml"/><Relationship Id="rId35" Type="http://schemas.openxmlformats.org/officeDocument/2006/relationships/presProps" Target="presProps.xml"/><Relationship Id="rId8" Type="http://schemas.openxmlformats.org/officeDocument/2006/relationships/slide" Target="slides/slide3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1/05/2026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rtl="0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1/05/2026</a:t>
            </a:fld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 rtl="0">
              <a:defRPr sz="1000"/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rtl="0">
              <a:defRPr sz="1000"/>
            </a:lvl1pPr>
          </a:lstStyle>
          <a:p>
            <a:endParaRPr lang="en-GB" dirty="0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rtl="0">
              <a:defRPr sz="10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405594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Relationship Id="rId5" Type="http://schemas.openxmlformats.org/officeDocument/2006/relationships/image" Target="../media/image5.emf"/><Relationship Id="rId4" Type="http://schemas.openxmlformats.org/officeDocument/2006/relationships/image" Target="../media/image4.e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Relationship Id="rId4" Type="http://schemas.openxmlformats.org/officeDocument/2006/relationships/image" Target="../media/image4.e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Relationship Id="rId4" Type="http://schemas.openxmlformats.org/officeDocument/2006/relationships/image" Target="../media/image4.e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Relationship Id="rId5" Type="http://schemas.openxmlformats.org/officeDocument/2006/relationships/image" Target="../media/image3.emf"/><Relationship Id="rId4" Type="http://schemas.openxmlformats.org/officeDocument/2006/relationships/image" Target="../media/image4.emf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Relationship Id="rId4" Type="http://schemas.openxmlformats.org/officeDocument/2006/relationships/image" Target="../media/image4.emf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Relationship Id="rId4" Type="http://schemas.openxmlformats.org/officeDocument/2006/relationships/image" Target="../media/image4.emf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Relationship Id="rId4" Type="http://schemas.openxmlformats.org/officeDocument/2006/relationships/image" Target="../media/image4.e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Relationship Id="rId4" Type="http://schemas.openxmlformats.org/officeDocument/2006/relationships/image" Target="../media/image4.emf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Relationship Id="rId4" Type="http://schemas.openxmlformats.org/officeDocument/2006/relationships/image" Target="../media/image4.emf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Relationship Id="rId4" Type="http://schemas.openxmlformats.org/officeDocument/2006/relationships/image" Target="../media/image4.emf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Relationship Id="rId5" Type="http://schemas.openxmlformats.org/officeDocument/2006/relationships/image" Target="../media/image8.png"/><Relationship Id="rId4" Type="http://schemas.openxmlformats.org/officeDocument/2006/relationships/image" Target="../media/image4.emf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4" Type="http://schemas.openxmlformats.org/officeDocument/2006/relationships/image" Target="../media/image4.emf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Relationship Id="rId5" Type="http://schemas.openxmlformats.org/officeDocument/2006/relationships/image" Target="../media/image9.png"/><Relationship Id="rId4" Type="http://schemas.openxmlformats.org/officeDocument/2006/relationships/image" Target="../media/image4.emf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Relationship Id="rId5" Type="http://schemas.openxmlformats.org/officeDocument/2006/relationships/image" Target="../media/image8.png"/><Relationship Id="rId4" Type="http://schemas.openxmlformats.org/officeDocument/2006/relationships/image" Target="../media/image4.emf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Relationship Id="rId5" Type="http://schemas.openxmlformats.org/officeDocument/2006/relationships/image" Target="../media/image9.png"/><Relationship Id="rId4" Type="http://schemas.openxmlformats.org/officeDocument/2006/relationships/image" Target="../media/image4.emf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Relationship Id="rId6" Type="http://schemas.openxmlformats.org/officeDocument/2006/relationships/image" Target="../media/image5.emf"/><Relationship Id="rId5" Type="http://schemas.openxmlformats.org/officeDocument/2006/relationships/image" Target="../media/image6.png"/><Relationship Id="rId4" Type="http://schemas.openxmlformats.org/officeDocument/2006/relationships/image" Target="../media/image4.emf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Relationship Id="rId6" Type="http://schemas.openxmlformats.org/officeDocument/2006/relationships/image" Target="../media/image3.emf"/><Relationship Id="rId5" Type="http://schemas.openxmlformats.org/officeDocument/2006/relationships/image" Target="../media/image7.png"/><Relationship Id="rId4" Type="http://schemas.openxmlformats.org/officeDocument/2006/relationships/image" Target="../media/image4.emf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Relationship Id="rId4" Type="http://schemas.openxmlformats.org/officeDocument/2006/relationships/image" Target="../media/image4.emf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Relationship Id="rId4" Type="http://schemas.openxmlformats.org/officeDocument/2006/relationships/image" Target="../media/image4.emf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Relationship Id="rId4" Type="http://schemas.openxmlformats.org/officeDocument/2006/relationships/image" Target="../media/image4.emf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Relationship Id="rId4" Type="http://schemas.openxmlformats.org/officeDocument/2006/relationships/image" Target="../media/image10.emf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Relationship Id="rId4" Type="http://schemas.openxmlformats.org/officeDocument/2006/relationships/image" Target="../media/image4.emf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4" Type="http://schemas.openxmlformats.org/officeDocument/2006/relationships/image" Target="../media/image4.emf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Relationship Id="rId4" Type="http://schemas.openxmlformats.org/officeDocument/2006/relationships/image" Target="../media/image4.emf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Relationship Id="rId4" Type="http://schemas.openxmlformats.org/officeDocument/2006/relationships/image" Target="../media/image4.emf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Relationship Id="rId4" Type="http://schemas.openxmlformats.org/officeDocument/2006/relationships/image" Target="../media/image4.emf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Relationship Id="rId4" Type="http://schemas.openxmlformats.org/officeDocument/2006/relationships/image" Target="../media/image4.emf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Relationship Id="rId4" Type="http://schemas.openxmlformats.org/officeDocument/2006/relationships/image" Target="../media/image4.emf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Relationship Id="rId4" Type="http://schemas.openxmlformats.org/officeDocument/2006/relationships/image" Target="../media/image4.emf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Relationship Id="rId4" Type="http://schemas.openxmlformats.org/officeDocument/2006/relationships/image" Target="../media/image4.emf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Relationship Id="rId4" Type="http://schemas.openxmlformats.org/officeDocument/2006/relationships/image" Target="../media/image4.emf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Relationship Id="rId4" Type="http://schemas.openxmlformats.org/officeDocument/2006/relationships/image" Target="../media/image4.emf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Relationship Id="rId4" Type="http://schemas.openxmlformats.org/officeDocument/2006/relationships/image" Target="../media/image4.e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6" Type="http://schemas.openxmlformats.org/officeDocument/2006/relationships/image" Target="../media/image5.emf"/><Relationship Id="rId5" Type="http://schemas.openxmlformats.org/officeDocument/2006/relationships/image" Target="../media/image6.png"/><Relationship Id="rId4" Type="http://schemas.openxmlformats.org/officeDocument/2006/relationships/image" Target="../media/image4.emf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Relationship Id="rId4" Type="http://schemas.openxmlformats.org/officeDocument/2006/relationships/image" Target="../media/image4.emf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13" Type="http://schemas.openxmlformats.org/officeDocument/2006/relationships/image" Target="../media/image19.png"/><Relationship Id="rId3" Type="http://schemas.openxmlformats.org/officeDocument/2006/relationships/oleObject" Target="../embeddings/oleObject2.bin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4.emf"/><Relationship Id="rId9" Type="http://schemas.openxmlformats.org/officeDocument/2006/relationships/image" Target="../media/image15.png"/><Relationship Id="rId14" Type="http://schemas.openxmlformats.org/officeDocument/2006/relationships/image" Target="../media/image20.png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Relationship Id="rId4" Type="http://schemas.openxmlformats.org/officeDocument/2006/relationships/image" Target="../media/image4.e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Relationship Id="rId5" Type="http://schemas.openxmlformats.org/officeDocument/2006/relationships/image" Target="../media/image3.emf"/><Relationship Id="rId4" Type="http://schemas.openxmlformats.org/officeDocument/2006/relationships/image" Target="../media/image4.e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Relationship Id="rId4" Type="http://schemas.openxmlformats.org/officeDocument/2006/relationships/image" Target="../media/image4.e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Relationship Id="rId4" Type="http://schemas.openxmlformats.org/officeDocument/2006/relationships/image" Target="../media/image4.e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Relationship Id="rId6" Type="http://schemas.openxmlformats.org/officeDocument/2006/relationships/image" Target="../media/image3.emf"/><Relationship Id="rId5" Type="http://schemas.openxmlformats.org/officeDocument/2006/relationships/image" Target="../media/image7.png"/><Relationship Id="rId4" Type="http://schemas.openxmlformats.org/officeDocument/2006/relationships/image" Target="../media/image4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Relationship Id="rId5" Type="http://schemas.openxmlformats.org/officeDocument/2006/relationships/image" Target="../media/image3.emf"/><Relationship Id="rId4" Type="http://schemas.openxmlformats.org/officeDocument/2006/relationships/image" Target="../media/image4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A,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4CC51160-4C23-14F0-522A-E15B57FC3E8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04530517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CC51160-4C23-14F0-522A-E15B57FC3E8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11612563" cy="5327650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760000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760000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pic>
        <p:nvPicPr>
          <p:cNvPr id="21" name="Logo white">
            <a:extLst>
              <a:ext uri="{FF2B5EF4-FFF2-40B4-BE49-F238E27FC236}">
                <a16:creationId xmlns:a16="http://schemas.microsoft.com/office/drawing/2014/main" id="{F4DF522B-BBA5-4E3A-87AF-0B7B9E2EF236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58649" y="5645236"/>
            <a:ext cx="2653914" cy="800872"/>
          </a:xfrm>
          <a:prstGeom prst="rect">
            <a:avLst/>
          </a:prstGeom>
        </p:spPr>
      </p:pic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,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4006F1A3-7267-B05B-A734-03B9435617F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98051010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006F1A3-7267-B05B-A734-03B9435617F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96000" y="836612"/>
            <a:ext cx="6096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157053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accent5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157053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accent5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4" name="Floating Logo">
            <a:extLst>
              <a:ext uri="{FF2B5EF4-FFF2-40B4-BE49-F238E27FC236}">
                <a16:creationId xmlns:a16="http://schemas.microsoft.com/office/drawing/2014/main" id="{321731FD-9951-48FF-A534-6BC629151AA9}"/>
              </a:ext>
            </a:extLst>
          </p:cNvPr>
          <p:cNvSpPr>
            <a:spLocks noGrp="1" noChangeAspect="1"/>
          </p:cNvSpPr>
          <p:nvPr>
            <p:ph type="body" sz="quarter" idx="27"/>
          </p:nvPr>
        </p:nvSpPr>
        <p:spPr>
          <a:xfrm>
            <a:off x="8960400" y="5644800"/>
            <a:ext cx="2653200" cy="8028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rtl="0">
              <a:defRPr sz="100">
                <a:noFill/>
              </a:defRPr>
            </a:lvl1pPr>
            <a:lvl2pPr rtl="0">
              <a:defRPr sz="100">
                <a:noFill/>
              </a:defRPr>
            </a:lvl2pPr>
            <a:lvl3pPr rtl="0">
              <a:defRPr sz="100">
                <a:noFill/>
              </a:defRPr>
            </a:lvl3pPr>
            <a:lvl4pPr rtl="0">
              <a:defRPr sz="100">
                <a:noFill/>
              </a:defRPr>
            </a:lvl4pPr>
            <a:lvl5pPr rtl="0">
              <a:defRPr sz="100">
                <a:noFill/>
              </a:defRPr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154854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550BF203-DABD-246B-96CB-485DA6FF9A4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25510826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550BF203-DABD-246B-96CB-485DA6FF9A4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Background white">
            <a:extLst>
              <a:ext uri="{FF2B5EF4-FFF2-40B4-BE49-F238E27FC236}">
                <a16:creationId xmlns:a16="http://schemas.microsoft.com/office/drawing/2014/main" id="{9CD7A596-F80B-41BC-BC11-70E5D1B95407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9" name="Background color">
            <a:extLst>
              <a:ext uri="{FF2B5EF4-FFF2-40B4-BE49-F238E27FC236}">
                <a16:creationId xmlns:a16="http://schemas.microsoft.com/office/drawing/2014/main" id="{3D3D88A8-5D22-4F30-9868-9F9D9AD15FF2}"/>
              </a:ext>
            </a:extLst>
          </p:cNvPr>
          <p:cNvSpPr/>
          <p:nvPr userDrawn="1"/>
        </p:nvSpPr>
        <p:spPr>
          <a:xfrm>
            <a:off x="0" y="0"/>
            <a:ext cx="11612563" cy="6281738"/>
          </a:xfrm>
          <a:prstGeom prst="rect">
            <a:avLst/>
          </a:prstGeom>
          <a:solidFill>
            <a:srgbClr val="F2F2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5" y="508477"/>
            <a:ext cx="5158798" cy="666305"/>
          </a:xfrm>
        </p:spPr>
        <p:txBody>
          <a:bodyPr vert="horz" anchor="t" anchorCtr="0"/>
          <a:lstStyle>
            <a:lvl1pPr rtl="0">
              <a:lnSpc>
                <a:spcPct val="91000"/>
              </a:lnSpc>
              <a:defRPr sz="4000">
                <a:solidFill>
                  <a:schemeClr val="accent5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noProof="0" dirty="0"/>
              <a:t>Click to add title</a:t>
            </a:r>
            <a:endParaRPr lang="da-DK"/>
          </a:p>
        </p:txBody>
      </p:sp>
      <p:sp>
        <p:nvSpPr>
          <p:cNvPr id="12" name="Picture Placeholder 15">
            <a:extLst>
              <a:ext uri="{FF2B5EF4-FFF2-40B4-BE49-F238E27FC236}">
                <a16:creationId xmlns:a16="http://schemas.microsoft.com/office/drawing/2014/main" id="{5B6CA26F-85F2-499A-B74D-DD2F521CB4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6000" y="836612"/>
            <a:ext cx="6096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13" name="Floating Logo">
            <a:extLst>
              <a:ext uri="{FF2B5EF4-FFF2-40B4-BE49-F238E27FC236}">
                <a16:creationId xmlns:a16="http://schemas.microsoft.com/office/drawing/2014/main" id="{91F06DD3-D9A5-4CE3-BB43-421E4BC11D49}"/>
              </a:ext>
            </a:extLst>
          </p:cNvPr>
          <p:cNvSpPr>
            <a:spLocks noGrp="1" noChangeAspect="1"/>
          </p:cNvSpPr>
          <p:nvPr>
            <p:ph type="body" sz="quarter" idx="27" hasCustomPrompt="1"/>
          </p:nvPr>
        </p:nvSpPr>
        <p:spPr>
          <a:xfrm>
            <a:off x="10702800" y="6433200"/>
            <a:ext cx="910604" cy="2736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 rtl="0">
              <a:buNone/>
              <a:defRPr sz="100">
                <a:noFill/>
              </a:defRPr>
            </a:lvl1pPr>
            <a:lvl2pPr>
              <a:defRPr sz="100">
                <a:noFill/>
              </a:defRPr>
            </a:lvl2pPr>
            <a:lvl3pPr>
              <a:defRPr sz="100">
                <a:noFill/>
              </a:defRPr>
            </a:lvl3pPr>
            <a:lvl4pPr>
              <a:defRPr sz="100">
                <a:noFill/>
              </a:defRPr>
            </a:lvl4pPr>
            <a:lvl5pPr>
              <a:defRPr sz="100">
                <a:noFill/>
              </a:defRPr>
            </a:lvl5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06F61CF5-B988-4F47-BF67-2A756AD398B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8CA2A6A-79CE-462A-BB72-AFDCDFF1742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A099985B-BB0F-40F7-ACD3-DF962912764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971E1CD4-D769-435E-BD70-1F92A025129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74673" y="1646555"/>
            <a:ext cx="5184000" cy="4251008"/>
          </a:xfrm>
        </p:spPr>
        <p:txBody>
          <a:bodyPr/>
          <a:lstStyle>
            <a:lvl1pPr marL="360000" indent="-360000" rtl="0">
              <a:spcAft>
                <a:spcPts val="600"/>
              </a:spcAft>
              <a:buFont typeface="+mj-lt"/>
              <a:buAutoNum type="arabicPeriod"/>
              <a:defRPr sz="2000" b="1">
                <a:solidFill>
                  <a:schemeClr val="accent5"/>
                </a:solidFill>
              </a:defRPr>
            </a:lvl1pPr>
            <a:lvl2pPr marL="360000" indent="0" rtl="0">
              <a:buFont typeface="Arial" panose="020B0604020202020204" pitchFamily="34" charset="0"/>
              <a:buChar char="​"/>
              <a:defRPr sz="1400">
                <a:solidFill>
                  <a:schemeClr val="accent5"/>
                </a:solidFill>
              </a:defRPr>
            </a:lvl2pPr>
            <a:lvl3pPr>
              <a:defRPr sz="1400">
                <a:solidFill>
                  <a:schemeClr val="accent5"/>
                </a:solidFill>
              </a:defRPr>
            </a:lvl3pPr>
            <a:lvl4pPr marL="360000">
              <a:defRPr sz="1400">
                <a:solidFill>
                  <a:schemeClr val="accent5"/>
                </a:solidFill>
              </a:defRPr>
            </a:lvl4pPr>
            <a:lvl5pPr marL="360000">
              <a:defRPr sz="1400">
                <a:solidFill>
                  <a:schemeClr val="accent5"/>
                </a:solidFill>
              </a:defRPr>
            </a:lvl5pPr>
          </a:lstStyle>
          <a:p>
            <a:pPr lvl="0"/>
            <a:r>
              <a:rPr lang="da-DK" dirty="0"/>
              <a:t>Click to add topic, use red </a:t>
            </a:r>
            <a:r>
              <a:rPr lang="da-DK" dirty="0" err="1"/>
              <a:t>color</a:t>
            </a:r>
            <a:r>
              <a:rPr lang="da-DK" dirty="0"/>
              <a:t> to highlight text, use Indent level button to add sub-level style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957" userDrawn="1">
          <p15:clr>
            <a:srgbClr val="00000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,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0631AEB7-93EC-8526-D413-011BB6B1BDE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6266826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631AEB7-93EC-8526-D413-011BB6B1BD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Background white">
            <a:extLst>
              <a:ext uri="{FF2B5EF4-FFF2-40B4-BE49-F238E27FC236}">
                <a16:creationId xmlns:a16="http://schemas.microsoft.com/office/drawing/2014/main" id="{9CD7A596-F80B-41BC-BC11-70E5D1B95407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9" name="Background color">
            <a:extLst>
              <a:ext uri="{FF2B5EF4-FFF2-40B4-BE49-F238E27FC236}">
                <a16:creationId xmlns:a16="http://schemas.microsoft.com/office/drawing/2014/main" id="{3D3D88A8-5D22-4F30-9868-9F9D9AD15FF2}"/>
              </a:ext>
            </a:extLst>
          </p:cNvPr>
          <p:cNvSpPr/>
          <p:nvPr userDrawn="1"/>
        </p:nvSpPr>
        <p:spPr>
          <a:xfrm>
            <a:off x="0" y="0"/>
            <a:ext cx="11612563" cy="6281738"/>
          </a:xfrm>
          <a:prstGeom prst="rect">
            <a:avLst/>
          </a:prstGeom>
          <a:solidFill>
            <a:srgbClr val="F2F2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4" y="508477"/>
            <a:ext cx="10728326" cy="666305"/>
          </a:xfrm>
        </p:spPr>
        <p:txBody>
          <a:bodyPr vert="horz" anchor="t" anchorCtr="0"/>
          <a:lstStyle>
            <a:lvl1pPr rtl="0">
              <a:lnSpc>
                <a:spcPct val="91000"/>
              </a:lnSpc>
              <a:defRPr sz="4000">
                <a:solidFill>
                  <a:schemeClr val="accent5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noProof="0" dirty="0"/>
              <a:t>Click to add title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6E7C833-004A-48F3-96C6-37AF970C1C4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74672" y="1646555"/>
            <a:ext cx="10728327" cy="4251008"/>
          </a:xfrm>
        </p:spPr>
        <p:txBody>
          <a:bodyPr numCol="2" spcCol="360000"/>
          <a:lstStyle>
            <a:lvl1pPr marL="360000" indent="-360000" rtl="0">
              <a:spcAft>
                <a:spcPts val="600"/>
              </a:spcAft>
              <a:buFont typeface="+mj-lt"/>
              <a:buAutoNum type="arabicPeriod"/>
              <a:defRPr sz="2000" b="1">
                <a:solidFill>
                  <a:schemeClr val="accent5"/>
                </a:solidFill>
              </a:defRPr>
            </a:lvl1pPr>
            <a:lvl2pPr marL="360000" indent="0" rtl="0">
              <a:buFont typeface="Arial" panose="020B0604020202020204" pitchFamily="34" charset="0"/>
              <a:buChar char="​"/>
              <a:defRPr sz="1400">
                <a:solidFill>
                  <a:schemeClr val="accent5"/>
                </a:solidFill>
              </a:defRPr>
            </a:lvl2pPr>
            <a:lvl3pPr>
              <a:defRPr sz="1400">
                <a:solidFill>
                  <a:schemeClr val="accent5"/>
                </a:solidFill>
              </a:defRPr>
            </a:lvl3pPr>
            <a:lvl4pPr marL="360000">
              <a:defRPr sz="1400">
                <a:solidFill>
                  <a:schemeClr val="accent5"/>
                </a:solidFill>
              </a:defRPr>
            </a:lvl4pPr>
            <a:lvl5pPr marL="360000">
              <a:defRPr sz="1400">
                <a:solidFill>
                  <a:schemeClr val="accent5"/>
                </a:solidFill>
              </a:defRPr>
            </a:lvl5pPr>
          </a:lstStyle>
          <a:p>
            <a:pPr lvl="0"/>
            <a:r>
              <a:rPr lang="da-DK" dirty="0"/>
              <a:t>Click to add topic, use red </a:t>
            </a:r>
            <a:r>
              <a:rPr lang="da-DK" dirty="0" err="1"/>
              <a:t>color</a:t>
            </a:r>
            <a:r>
              <a:rPr lang="da-DK" dirty="0"/>
              <a:t> to highlight text, use Indent level button to add sub-level style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06F61CF5-B988-4F47-BF67-2A756AD398B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8CA2A6A-79CE-462A-BB72-AFDCDFF1742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A099985B-BB0F-40F7-ACD3-DF962912764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" name="Logo red">
            <a:extLst>
              <a:ext uri="{FF2B5EF4-FFF2-40B4-BE49-F238E27FC236}">
                <a16:creationId xmlns:a16="http://schemas.microsoft.com/office/drawing/2014/main" id="{3DC4FE27-9A88-4EA3-9CFA-70AE00D06FC5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03509" y="6434418"/>
            <a:ext cx="910039" cy="2746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80982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957">
          <p15:clr>
            <a:srgbClr val="00000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,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B94FA303-1671-DCA5-968E-4B3BA991E05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150666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B94FA303-1671-DCA5-968E-4B3BA991E05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8" name="Background white">
            <a:extLst>
              <a:ext uri="{FF2B5EF4-FFF2-40B4-BE49-F238E27FC236}">
                <a16:creationId xmlns:a16="http://schemas.microsoft.com/office/drawing/2014/main" id="{42F67D6C-E9B5-402D-9EE1-DD1BADE1C5C6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282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264B3229-0093-4566-9A98-3AE903B6D51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4674" y="1872000"/>
            <a:ext cx="4987926" cy="3455650"/>
          </a:xfrm>
        </p:spPr>
        <p:txBody>
          <a:bodyPr/>
          <a:lstStyle>
            <a:lvl1pPr marL="0" indent="0" rtl="0"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  <a:lvl2pPr marL="136800" indent="-136800" rtl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2pPr>
            <a:lvl3pPr marL="0" indent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>
                <a:solidFill>
                  <a:schemeClr val="bg1"/>
                </a:solidFill>
              </a:defRPr>
            </a:lvl3pPr>
            <a:lvl4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4pPr>
            <a:lvl5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Click to add text, use Indent level button to add sub-level style</a:t>
            </a:r>
            <a:endParaRPr lang="da-DK"/>
          </a:p>
          <a:p>
            <a:pPr lvl="1"/>
            <a:r>
              <a:rPr lang="da-DK" dirty="0"/>
              <a:t>Second level (Source / Text)</a:t>
            </a:r>
            <a:endParaRPr lang="da-DK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96000" y="836612"/>
            <a:ext cx="6096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!!Floating Logo">
            <a:extLst>
              <a:ext uri="{FF2B5EF4-FFF2-40B4-BE49-F238E27FC236}">
                <a16:creationId xmlns:a16="http://schemas.microsoft.com/office/drawing/2014/main" id="{E33EB8FB-413A-4E06-AA14-A4E1A74BF70C}"/>
              </a:ext>
            </a:extLst>
          </p:cNvPr>
          <p:cNvSpPr>
            <a:spLocks noGrp="1" noChangeAspect="1"/>
          </p:cNvSpPr>
          <p:nvPr>
            <p:ph type="body" sz="quarter" idx="27" hasCustomPrompt="1"/>
          </p:nvPr>
        </p:nvSpPr>
        <p:spPr>
          <a:xfrm>
            <a:off x="10702800" y="6433200"/>
            <a:ext cx="910604" cy="2736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 rtl="0">
              <a:buNone/>
              <a:defRPr sz="100">
                <a:noFill/>
              </a:defRPr>
            </a:lvl1pPr>
            <a:lvl2pPr>
              <a:defRPr sz="100">
                <a:noFill/>
              </a:defRPr>
            </a:lvl2pPr>
            <a:lvl3pPr>
              <a:defRPr sz="100">
                <a:noFill/>
              </a:defRPr>
            </a:lvl3pPr>
            <a:lvl4pPr>
              <a:defRPr sz="100">
                <a:noFill/>
              </a:defRPr>
            </a:lvl4pPr>
            <a:lvl5pPr>
              <a:defRPr sz="100">
                <a:noFill/>
              </a:defRPr>
            </a:lvl5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606438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, dark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908E4D55-DED0-5F2C-C523-3E89CEA2625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74275497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08E4D55-DED0-5F2C-C523-3E89CEA2625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5" name="Background white">
            <a:extLst>
              <a:ext uri="{FF2B5EF4-FFF2-40B4-BE49-F238E27FC236}">
                <a16:creationId xmlns:a16="http://schemas.microsoft.com/office/drawing/2014/main" id="{084149A6-60C8-4DC8-9848-CD8882A0DFBD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282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264B3229-0093-4566-9A98-3AE903B6D51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4674" y="1872000"/>
            <a:ext cx="4987926" cy="3455650"/>
          </a:xfrm>
        </p:spPr>
        <p:txBody>
          <a:bodyPr/>
          <a:lstStyle>
            <a:lvl1pPr marL="0" indent="0" rtl="0"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  <a:lvl2pPr marL="136800" indent="-136800" rtl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2pPr>
            <a:lvl3pPr marL="0" indent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>
                <a:solidFill>
                  <a:schemeClr val="bg1"/>
                </a:solidFill>
              </a:defRPr>
            </a:lvl3pPr>
            <a:lvl4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4pPr>
            <a:lvl5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Click to add text, use Indent level button to add sub-level style</a:t>
            </a:r>
            <a:endParaRPr lang="da-DK"/>
          </a:p>
          <a:p>
            <a:pPr lvl="1"/>
            <a:r>
              <a:rPr lang="da-DK" dirty="0"/>
              <a:t>Second level (Source / Text)</a:t>
            </a:r>
            <a:endParaRPr lang="da-DK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96000" y="836612"/>
            <a:ext cx="6096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!!Floating Logo">
            <a:extLst>
              <a:ext uri="{FF2B5EF4-FFF2-40B4-BE49-F238E27FC236}">
                <a16:creationId xmlns:a16="http://schemas.microsoft.com/office/drawing/2014/main" id="{E33EB8FB-413A-4E06-AA14-A4E1A74BF70C}"/>
              </a:ext>
            </a:extLst>
          </p:cNvPr>
          <p:cNvSpPr>
            <a:spLocks noGrp="1" noChangeAspect="1"/>
          </p:cNvSpPr>
          <p:nvPr>
            <p:ph type="body" sz="quarter" idx="27" hasCustomPrompt="1"/>
          </p:nvPr>
        </p:nvSpPr>
        <p:spPr>
          <a:xfrm>
            <a:off x="10702800" y="6433200"/>
            <a:ext cx="910604" cy="2736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 rtl="0">
              <a:buNone/>
              <a:defRPr sz="100">
                <a:noFill/>
              </a:defRPr>
            </a:lvl1pPr>
            <a:lvl2pPr>
              <a:defRPr sz="100">
                <a:noFill/>
              </a:defRPr>
            </a:lvl2pPr>
            <a:lvl3pPr>
              <a:defRPr sz="100">
                <a:noFill/>
              </a:defRPr>
            </a:lvl3pPr>
            <a:lvl4pPr>
              <a:defRPr sz="100">
                <a:noFill/>
              </a:defRPr>
            </a:lvl4pPr>
            <a:lvl5pPr>
              <a:defRPr sz="100">
                <a:noFill/>
              </a:defRPr>
            </a:lvl5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81061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, light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17116DEB-4E96-66D2-5FEA-491C71552DA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05165771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7116DEB-4E96-66D2-5FEA-491C71552D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5" name="Background white">
            <a:extLst>
              <a:ext uri="{FF2B5EF4-FFF2-40B4-BE49-F238E27FC236}">
                <a16:creationId xmlns:a16="http://schemas.microsoft.com/office/drawing/2014/main" id="{084149A6-60C8-4DC8-9848-CD8882A0DFBD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282000"/>
          </a:xfrm>
          <a:prstGeom prst="rect">
            <a:avLst/>
          </a:prstGeom>
          <a:solidFill>
            <a:srgbClr val="F2F2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264B3229-0093-4566-9A98-3AE903B6D51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4674" y="1872000"/>
            <a:ext cx="4987926" cy="3455650"/>
          </a:xfrm>
        </p:spPr>
        <p:txBody>
          <a:bodyPr/>
          <a:lstStyle>
            <a:lvl1pPr marL="0" indent="0" rtl="0"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5"/>
                </a:solidFill>
                <a:latin typeface="Arial Black" panose="020B0A04020102020204" pitchFamily="34" charset="0"/>
              </a:defRPr>
            </a:lvl1pPr>
            <a:lvl2pPr marL="136800" indent="-136800" rtl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accent5"/>
                </a:solidFill>
              </a:defRPr>
            </a:lvl2pPr>
            <a:lvl3pPr marL="0" indent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>
                <a:solidFill>
                  <a:schemeClr val="accent5"/>
                </a:solidFill>
              </a:defRPr>
            </a:lvl3pPr>
            <a:lvl4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4pPr>
            <a:lvl5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Click to add text, use Indent level button to add sub-level style</a:t>
            </a:r>
            <a:endParaRPr lang="da-DK"/>
          </a:p>
          <a:p>
            <a:pPr lvl="1"/>
            <a:r>
              <a:rPr lang="da-DK" dirty="0"/>
              <a:t>Second level (Source / Text)</a:t>
            </a:r>
            <a:endParaRPr lang="da-DK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96000" y="836612"/>
            <a:ext cx="6096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accent5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!!Floating Logo">
            <a:extLst>
              <a:ext uri="{FF2B5EF4-FFF2-40B4-BE49-F238E27FC236}">
                <a16:creationId xmlns:a16="http://schemas.microsoft.com/office/drawing/2014/main" id="{E33EB8FB-413A-4E06-AA14-A4E1A74BF70C}"/>
              </a:ext>
            </a:extLst>
          </p:cNvPr>
          <p:cNvSpPr>
            <a:spLocks noGrp="1" noChangeAspect="1"/>
          </p:cNvSpPr>
          <p:nvPr>
            <p:ph type="body" sz="quarter" idx="27" hasCustomPrompt="1"/>
          </p:nvPr>
        </p:nvSpPr>
        <p:spPr>
          <a:xfrm>
            <a:off x="10702800" y="6433200"/>
            <a:ext cx="910604" cy="2736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 rtl="0">
              <a:buNone/>
              <a:defRPr sz="100">
                <a:noFill/>
              </a:defRPr>
            </a:lvl1pPr>
            <a:lvl2pPr>
              <a:defRPr sz="100">
                <a:noFill/>
              </a:defRPr>
            </a:lvl2pPr>
            <a:lvl3pPr>
              <a:defRPr sz="100">
                <a:noFill/>
              </a:defRPr>
            </a:lvl3pPr>
            <a:lvl4pPr>
              <a:defRPr sz="100">
                <a:noFill/>
              </a:defRPr>
            </a:lvl4pPr>
            <a:lvl5pPr>
              <a:defRPr sz="100">
                <a:noFill/>
              </a:defRPr>
            </a:lvl5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49515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,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86D5271D-2DBF-8715-3C46-2EA7CC63E0A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89875441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6D5271D-2DBF-8715-3C46-2EA7CC63E0A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5" name="Background white">
            <a:extLst>
              <a:ext uri="{FF2B5EF4-FFF2-40B4-BE49-F238E27FC236}">
                <a16:creationId xmlns:a16="http://schemas.microsoft.com/office/drawing/2014/main" id="{084149A6-60C8-4DC8-9848-CD8882A0DFBD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282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264B3229-0093-4566-9A98-3AE903B6D51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4674" y="1872000"/>
            <a:ext cx="3319200" cy="3455650"/>
          </a:xfrm>
        </p:spPr>
        <p:txBody>
          <a:bodyPr/>
          <a:lstStyle>
            <a:lvl1pPr marL="0" indent="0" rtl="0"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  <a:lvl2pPr marL="136800" indent="-136800" rtl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2pPr>
            <a:lvl3pPr marL="0" indent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>
                <a:solidFill>
                  <a:schemeClr val="bg1"/>
                </a:solidFill>
              </a:defRPr>
            </a:lvl3pPr>
            <a:lvl4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4pPr>
            <a:lvl5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Click to add text, use Indent level button to add sub-level style</a:t>
            </a:r>
            <a:endParaRPr lang="da-DK"/>
          </a:p>
          <a:p>
            <a:pPr lvl="1"/>
            <a:r>
              <a:rPr lang="da-DK" dirty="0"/>
              <a:t>Second level (Source / Text)</a:t>
            </a:r>
            <a:endParaRPr lang="da-DK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255200" y="836612"/>
            <a:ext cx="7938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!!Floating Logo">
            <a:extLst>
              <a:ext uri="{FF2B5EF4-FFF2-40B4-BE49-F238E27FC236}">
                <a16:creationId xmlns:a16="http://schemas.microsoft.com/office/drawing/2014/main" id="{E33EB8FB-413A-4E06-AA14-A4E1A74BF70C}"/>
              </a:ext>
            </a:extLst>
          </p:cNvPr>
          <p:cNvSpPr>
            <a:spLocks noGrp="1" noChangeAspect="1"/>
          </p:cNvSpPr>
          <p:nvPr>
            <p:ph type="body" sz="quarter" idx="27" hasCustomPrompt="1"/>
          </p:nvPr>
        </p:nvSpPr>
        <p:spPr>
          <a:xfrm>
            <a:off x="10702800" y="6433200"/>
            <a:ext cx="910604" cy="2736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 rtl="0">
              <a:buNone/>
              <a:defRPr sz="100">
                <a:noFill/>
              </a:defRPr>
            </a:lvl1pPr>
            <a:lvl2pPr>
              <a:defRPr sz="100">
                <a:noFill/>
              </a:defRPr>
            </a:lvl2pPr>
            <a:lvl3pPr>
              <a:defRPr sz="100">
                <a:noFill/>
              </a:defRPr>
            </a:lvl3pPr>
            <a:lvl4pPr>
              <a:defRPr sz="100">
                <a:noFill/>
              </a:defRPr>
            </a:lvl4pPr>
            <a:lvl5pPr>
              <a:defRPr sz="100">
                <a:noFill/>
              </a:defRPr>
            </a:lvl5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494877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, dark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26DB88EB-1396-191D-1F41-76B1695C461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1589382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26DB88EB-1396-191D-1F41-76B1695C461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5" name="Background white">
            <a:extLst>
              <a:ext uri="{FF2B5EF4-FFF2-40B4-BE49-F238E27FC236}">
                <a16:creationId xmlns:a16="http://schemas.microsoft.com/office/drawing/2014/main" id="{084149A6-60C8-4DC8-9848-CD8882A0DFBD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282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264B3229-0093-4566-9A98-3AE903B6D51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4674" y="1872000"/>
            <a:ext cx="3319200" cy="3455650"/>
          </a:xfrm>
        </p:spPr>
        <p:txBody>
          <a:bodyPr/>
          <a:lstStyle>
            <a:lvl1pPr marL="0" indent="0" rtl="0"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  <a:lvl2pPr marL="136800" indent="-136800" rtl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2pPr>
            <a:lvl3pPr marL="0" indent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>
                <a:solidFill>
                  <a:schemeClr val="bg1"/>
                </a:solidFill>
              </a:defRPr>
            </a:lvl3pPr>
            <a:lvl4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4pPr>
            <a:lvl5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Click to add text, use Indent level button to add sub-level style</a:t>
            </a:r>
            <a:endParaRPr lang="da-DK"/>
          </a:p>
          <a:p>
            <a:pPr lvl="1"/>
            <a:r>
              <a:rPr lang="da-DK" dirty="0"/>
              <a:t>Second level (Source / Text)</a:t>
            </a:r>
            <a:endParaRPr lang="da-DK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255200" y="836612"/>
            <a:ext cx="7938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2" name="Footer Placeholder 21">
            <a:extLst>
              <a:ext uri="{FF2B5EF4-FFF2-40B4-BE49-F238E27FC236}">
                <a16:creationId xmlns:a16="http://schemas.microsoft.com/office/drawing/2014/main" id="{1219B5B1-B349-48B7-B0FF-16E8BB6DCB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!!Floating Logo">
            <a:extLst>
              <a:ext uri="{FF2B5EF4-FFF2-40B4-BE49-F238E27FC236}">
                <a16:creationId xmlns:a16="http://schemas.microsoft.com/office/drawing/2014/main" id="{E33EB8FB-413A-4E06-AA14-A4E1A74BF70C}"/>
              </a:ext>
            </a:extLst>
          </p:cNvPr>
          <p:cNvSpPr>
            <a:spLocks noGrp="1" noChangeAspect="1"/>
          </p:cNvSpPr>
          <p:nvPr>
            <p:ph type="body" sz="quarter" idx="27" hasCustomPrompt="1"/>
          </p:nvPr>
        </p:nvSpPr>
        <p:spPr>
          <a:xfrm>
            <a:off x="10702800" y="6433200"/>
            <a:ext cx="910604" cy="2736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 rtl="0">
              <a:buNone/>
              <a:defRPr sz="100">
                <a:noFill/>
              </a:defRPr>
            </a:lvl1pPr>
            <a:lvl2pPr>
              <a:defRPr sz="100">
                <a:noFill/>
              </a:defRPr>
            </a:lvl2pPr>
            <a:lvl3pPr>
              <a:defRPr sz="100">
                <a:noFill/>
              </a:defRPr>
            </a:lvl3pPr>
            <a:lvl4pPr>
              <a:defRPr sz="100">
                <a:noFill/>
              </a:defRPr>
            </a:lvl4pPr>
            <a:lvl5pPr>
              <a:defRPr sz="100">
                <a:noFill/>
              </a:defRPr>
            </a:lvl5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897002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, light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4723C1A9-FD05-9D0C-3278-1BEB979F39E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4119243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723C1A9-FD05-9D0C-3278-1BEB979F39E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5" name="Background white">
            <a:extLst>
              <a:ext uri="{FF2B5EF4-FFF2-40B4-BE49-F238E27FC236}">
                <a16:creationId xmlns:a16="http://schemas.microsoft.com/office/drawing/2014/main" id="{084149A6-60C8-4DC8-9848-CD8882A0DFBD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282000"/>
          </a:xfrm>
          <a:prstGeom prst="rect">
            <a:avLst/>
          </a:prstGeom>
          <a:solidFill>
            <a:srgbClr val="F2F2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264B3229-0093-4566-9A98-3AE903B6D51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4674" y="1872000"/>
            <a:ext cx="3319200" cy="3455650"/>
          </a:xfrm>
        </p:spPr>
        <p:txBody>
          <a:bodyPr/>
          <a:lstStyle>
            <a:lvl1pPr marL="0" indent="0" rtl="0"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5"/>
                </a:solidFill>
                <a:latin typeface="Arial Black" panose="020B0A04020102020204" pitchFamily="34" charset="0"/>
              </a:defRPr>
            </a:lvl1pPr>
            <a:lvl2pPr marL="136800" indent="-136800" rtl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accent5"/>
                </a:solidFill>
              </a:defRPr>
            </a:lvl2pPr>
            <a:lvl3pPr marL="0" indent="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>
                <a:solidFill>
                  <a:schemeClr val="accent5"/>
                </a:solidFill>
              </a:defRPr>
            </a:lvl3pPr>
            <a:lvl4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4pPr>
            <a:lvl5pPr>
              <a:spcBef>
                <a:spcPts val="1100"/>
              </a:spcBef>
              <a:spcAft>
                <a:spcPts val="0"/>
              </a:spcAft>
              <a:defRPr sz="12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Click to add text, use Indent level button to add sub-level style</a:t>
            </a:r>
            <a:endParaRPr lang="da-DK"/>
          </a:p>
          <a:p>
            <a:pPr lvl="1"/>
            <a:r>
              <a:rPr lang="da-DK" dirty="0"/>
              <a:t>Second level (Source / Text)</a:t>
            </a:r>
            <a:endParaRPr lang="da-DK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255200" y="836612"/>
            <a:ext cx="7938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accent5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!!Floating Logo">
            <a:extLst>
              <a:ext uri="{FF2B5EF4-FFF2-40B4-BE49-F238E27FC236}">
                <a16:creationId xmlns:a16="http://schemas.microsoft.com/office/drawing/2014/main" id="{E33EB8FB-413A-4E06-AA14-A4E1A74BF70C}"/>
              </a:ext>
            </a:extLst>
          </p:cNvPr>
          <p:cNvSpPr>
            <a:spLocks noGrp="1" noChangeAspect="1"/>
          </p:cNvSpPr>
          <p:nvPr>
            <p:ph type="body" sz="quarter" idx="27" hasCustomPrompt="1"/>
          </p:nvPr>
        </p:nvSpPr>
        <p:spPr>
          <a:xfrm>
            <a:off x="10702800" y="6433200"/>
            <a:ext cx="910604" cy="2736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 rtl="0">
              <a:buNone/>
              <a:defRPr sz="100">
                <a:noFill/>
              </a:defRPr>
            </a:lvl1pPr>
            <a:lvl2pPr>
              <a:defRPr sz="100">
                <a:noFill/>
              </a:defRPr>
            </a:lvl2pPr>
            <a:lvl3pPr>
              <a:defRPr sz="100">
                <a:noFill/>
              </a:defRPr>
            </a:lvl3pPr>
            <a:lvl4pPr>
              <a:defRPr sz="100">
                <a:noFill/>
              </a:defRPr>
            </a:lvl4pPr>
            <a:lvl5pPr>
              <a:defRPr sz="100">
                <a:noFill/>
              </a:defRPr>
            </a:lvl5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561676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C,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00830A2E-323E-D931-25C4-D1B7E674FBF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932919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0830A2E-323E-D931-25C4-D1B7E674FB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9" name="Background">
            <a:extLst>
              <a:ext uri="{FF2B5EF4-FFF2-40B4-BE49-F238E27FC236}">
                <a16:creationId xmlns:a16="http://schemas.microsoft.com/office/drawing/2014/main" id="{FF23027A-D5A2-44D6-8AA8-11EEB9138562}"/>
              </a:ext>
            </a:extLst>
          </p:cNvPr>
          <p:cNvSpPr/>
          <p:nvPr userDrawn="1"/>
        </p:nvSpPr>
        <p:spPr>
          <a:xfrm>
            <a:off x="0" y="0"/>
            <a:ext cx="11612563" cy="6282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E372F34-070F-477A-9837-DDF7DA4A171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468" y="0"/>
            <a:ext cx="11487690" cy="6226207"/>
          </a:xfrm>
          <a:prstGeom prst="rect">
            <a:avLst/>
          </a:prstGeo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0882F76-1874-4D19-B0BD-C6FA2F04E60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574674" y="1872000"/>
            <a:ext cx="6876000" cy="4025563"/>
          </a:xfrm>
        </p:spPr>
        <p:txBody>
          <a:bodyPr/>
          <a:lstStyle>
            <a:lvl1pPr marL="0" indent="0" rtl="0"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  <a:lvl2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1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‒"/>
              <a:tabLst/>
              <a:defRPr sz="1200" b="1">
                <a:solidFill>
                  <a:schemeClr val="bg1"/>
                </a:solidFill>
              </a:defRPr>
            </a:lvl2pPr>
            <a:lvl3pPr marL="136800" indent="-136800">
              <a:spcBef>
                <a:spcPts val="1100"/>
              </a:spcBef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3pPr>
            <a:lvl4pPr marL="136800" indent="-13680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4pPr>
            <a:lvl5pPr marL="136800" indent="-136800">
              <a:spcBef>
                <a:spcPts val="1100"/>
              </a:spcBef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Click to add text, </a:t>
            </a:r>
            <a:r>
              <a:rPr lang="da-DK" noProof="0" dirty="0"/>
              <a:t>use Indent level button to add sub-level style</a:t>
            </a:r>
            <a:endParaRPr lang="da-DK"/>
          </a:p>
          <a:p>
            <a:pPr lvl="1"/>
            <a:r>
              <a:rPr lang="da-DK" noProof="0" dirty="0"/>
              <a:t>Second level (Source / text)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296061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B,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0A8299A1-8C39-237E-B0D4-11A98F94F42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694491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A8299A1-8C39-237E-B0D4-11A98F94F42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255476" y="836612"/>
            <a:ext cx="7936524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760000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760000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4" name="Floating Logo">
            <a:extLst>
              <a:ext uri="{FF2B5EF4-FFF2-40B4-BE49-F238E27FC236}">
                <a16:creationId xmlns:a16="http://schemas.microsoft.com/office/drawing/2014/main" id="{321731FD-9951-48FF-A534-6BC629151AA9}"/>
              </a:ext>
            </a:extLst>
          </p:cNvPr>
          <p:cNvSpPr>
            <a:spLocks noGrp="1" noChangeAspect="1"/>
          </p:cNvSpPr>
          <p:nvPr>
            <p:ph type="body" sz="quarter" idx="27"/>
          </p:nvPr>
        </p:nvSpPr>
        <p:spPr>
          <a:xfrm>
            <a:off x="8960400" y="5644800"/>
            <a:ext cx="2653200" cy="8028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rtl="0">
              <a:defRPr sz="100">
                <a:noFill/>
              </a:defRPr>
            </a:lvl1pPr>
            <a:lvl2pPr rtl="0">
              <a:defRPr sz="100">
                <a:noFill/>
              </a:defRPr>
            </a:lvl2pPr>
            <a:lvl3pPr rtl="0">
              <a:defRPr sz="100">
                <a:noFill/>
              </a:defRPr>
            </a:lvl3pPr>
            <a:lvl4pPr rtl="0">
              <a:defRPr sz="100">
                <a:noFill/>
              </a:defRPr>
            </a:lvl4pPr>
            <a:lvl5pPr rtl="0">
              <a:defRPr sz="100">
                <a:noFill/>
              </a:defRPr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71135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C, dark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CE35D1B7-79A8-0DC7-EDE0-710D80E987D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8656834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E35D1B7-79A8-0DC7-EDE0-710D80E987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1612563" cy="6282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pic>
        <p:nvPicPr>
          <p:cNvPr id="7" name="Picture 6" descr="A close up of a logo&#10;&#10;Description automatically generated">
            <a:extLst>
              <a:ext uri="{FF2B5EF4-FFF2-40B4-BE49-F238E27FC236}">
                <a16:creationId xmlns:a16="http://schemas.microsoft.com/office/drawing/2014/main" id="{D278143A-C928-452D-8854-FD50B1D74B8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14514" y="-13159"/>
            <a:ext cx="11627077" cy="6295160"/>
          </a:xfrm>
          <a:prstGeom prst="rect">
            <a:avLst/>
          </a:prstGeo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0882F76-1874-4D19-B0BD-C6FA2F04E60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574674" y="1872000"/>
            <a:ext cx="6876000" cy="4025563"/>
          </a:xfrm>
        </p:spPr>
        <p:txBody>
          <a:bodyPr/>
          <a:lstStyle>
            <a:lvl1pPr marL="0" indent="0" rtl="0"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  <a:lvl2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1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‒"/>
              <a:tabLst/>
              <a:defRPr sz="1200" b="1">
                <a:solidFill>
                  <a:schemeClr val="bg1"/>
                </a:solidFill>
              </a:defRPr>
            </a:lvl2pPr>
            <a:lvl3pPr marL="136800" indent="-136800">
              <a:spcBef>
                <a:spcPts val="1100"/>
              </a:spcBef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3pPr>
            <a:lvl4pPr marL="136800" indent="-13680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4pPr>
            <a:lvl5pPr marL="136800" indent="-136800">
              <a:spcBef>
                <a:spcPts val="1100"/>
              </a:spcBef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Click to add text, </a:t>
            </a:r>
            <a:r>
              <a:rPr lang="da-DK" noProof="0" dirty="0"/>
              <a:t>use Indent level button to add sub-level style</a:t>
            </a:r>
            <a:endParaRPr lang="da-DK"/>
          </a:p>
          <a:p>
            <a:pPr lvl="1"/>
            <a:r>
              <a:rPr lang="da-DK" noProof="0" dirty="0"/>
              <a:t>Second level (Source / text)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14214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D,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656069D5-6C3F-71EC-5C87-B1F67F65381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4387186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56069D5-6C3F-71EC-5C87-B1F67F65381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1612563" cy="6282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E926335D-C5A6-4E4F-AFDE-88688F759AD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467" y="0"/>
            <a:ext cx="11521875" cy="6244735"/>
          </a:xfrm>
          <a:prstGeom prst="rect">
            <a:avLst/>
          </a:prstGeo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0882F76-1874-4D19-B0BD-C6FA2F04E60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574674" y="1872000"/>
            <a:ext cx="6876000" cy="4025563"/>
          </a:xfrm>
        </p:spPr>
        <p:txBody>
          <a:bodyPr/>
          <a:lstStyle>
            <a:lvl1pPr marL="0" indent="0" rtl="0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8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  <a:lvl2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1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‒"/>
              <a:tabLst/>
              <a:defRPr sz="1200" b="1">
                <a:solidFill>
                  <a:schemeClr val="bg1"/>
                </a:solidFill>
              </a:defRPr>
            </a:lvl2pPr>
            <a:lvl3pPr marL="136800" indent="-136800">
              <a:spcBef>
                <a:spcPts val="1100"/>
              </a:spcBef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3pPr>
            <a:lvl4pPr marL="136800" indent="-13680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4pPr>
            <a:lvl5pPr marL="136800" indent="-136800">
              <a:spcBef>
                <a:spcPts val="1100"/>
              </a:spcBef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Text</a:t>
            </a:r>
            <a:endParaRPr lang="da-DK"/>
          </a:p>
          <a:p>
            <a:pPr lvl="1"/>
            <a:r>
              <a:rPr lang="da-DK" noProof="0" dirty="0"/>
              <a:t>Second level (Source / text)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156870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D, dark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C7DB34AC-4BB8-8914-371D-703C0AB7809A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11998060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7DB34AC-4BB8-8914-371D-703C0AB7809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1612563" cy="6282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pic>
        <p:nvPicPr>
          <p:cNvPr id="16" name="Picture 15" descr="A close up of a logo&#10;&#10;Description automatically generated">
            <a:extLst>
              <a:ext uri="{FF2B5EF4-FFF2-40B4-BE49-F238E27FC236}">
                <a16:creationId xmlns:a16="http://schemas.microsoft.com/office/drawing/2014/main" id="{A8488AF6-DF8B-49C5-A110-5D378AC908C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468" y="0"/>
            <a:ext cx="11499722" cy="6226207"/>
          </a:xfrm>
          <a:prstGeom prst="rect">
            <a:avLst/>
          </a:prstGeo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0882F76-1874-4D19-B0BD-C6FA2F04E60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574674" y="1872000"/>
            <a:ext cx="6876000" cy="4025563"/>
          </a:xfrm>
        </p:spPr>
        <p:txBody>
          <a:bodyPr/>
          <a:lstStyle>
            <a:lvl1pPr marL="0" indent="0" rtl="0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8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  <a:lvl2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1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‒"/>
              <a:tabLst/>
              <a:defRPr sz="1200" b="1">
                <a:solidFill>
                  <a:schemeClr val="bg1"/>
                </a:solidFill>
              </a:defRPr>
            </a:lvl2pPr>
            <a:lvl3pPr marL="136800" indent="-136800">
              <a:spcBef>
                <a:spcPts val="1100"/>
              </a:spcBef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3pPr>
            <a:lvl4pPr marL="136800" indent="-136800"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4pPr>
            <a:lvl5pPr marL="136800" indent="-136800">
              <a:spcBef>
                <a:spcPts val="1100"/>
              </a:spcBef>
              <a:buFont typeface="Arial" panose="020B0604020202020204" pitchFamily="34" charset="0"/>
              <a:buChar char="‒"/>
              <a:defRPr sz="1200" b="1"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Text</a:t>
            </a:r>
            <a:endParaRPr lang="da-DK"/>
          </a:p>
          <a:p>
            <a:pPr lvl="1"/>
            <a:r>
              <a:rPr lang="da-DK" noProof="0" dirty="0"/>
              <a:t>Second level (Source / text)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1C6A3B0-C8B2-4E3C-8311-FA5D44A3332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574675" y="836613"/>
            <a:ext cx="689833" cy="693738"/>
          </a:xfrm>
        </p:spPr>
        <p:txBody>
          <a:bodyPr/>
          <a:lstStyle>
            <a:lvl1pPr marL="0" indent="0" algn="l" rtl="0"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Insert icon from Elements</a:t>
            </a:r>
            <a:endParaRPr lang="da-DK"/>
          </a:p>
        </p:txBody>
      </p:sp>
      <p:sp>
        <p:nvSpPr>
          <p:cNvPr id="21" name="Date Placeholder 20">
            <a:extLst>
              <a:ext uri="{FF2B5EF4-FFF2-40B4-BE49-F238E27FC236}">
                <a16:creationId xmlns:a16="http://schemas.microsoft.com/office/drawing/2014/main" id="{C39AD5A8-44AF-4176-8900-C9E3F6B5D31D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3A2710C8-FB4D-4232-AA5E-944B53B22A04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451688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,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25B1AB66-FDE0-0830-9A18-92EB4F309459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90142930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25B1AB66-FDE0-0830-9A18-92EB4F30945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7" name="Picture 6">
            <a:extLst>
              <a:ext uri="{FF2B5EF4-FFF2-40B4-BE49-F238E27FC236}">
                <a16:creationId xmlns:a16="http://schemas.microsoft.com/office/drawing/2014/main" id="{02A563AF-A1C8-48CE-A410-D666B6D1C360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7" y="0"/>
            <a:ext cx="12187065" cy="6858000"/>
          </a:xfrm>
          <a:prstGeom prst="rect">
            <a:avLst/>
          </a:prstGeom>
        </p:spPr>
      </p:pic>
      <p:sp>
        <p:nvSpPr>
          <p:cNvPr id="20" name="text" descr="{&quot;templafy&quot;:{&quot;id&quot;:&quot;2e049d0a-0562-4953-8e9e-97db8947ec37&quot;}}" title="text">
            <a:extLst>
              <a:ext uri="{FF2B5EF4-FFF2-40B4-BE49-F238E27FC236}">
                <a16:creationId xmlns:a16="http://schemas.microsoft.com/office/drawing/2014/main" id="{83A88521-760D-43A1-9852-2F3991819E38}"/>
              </a:ext>
            </a:extLst>
          </p:cNvPr>
          <p:cNvSpPr/>
          <p:nvPr userDrawn="1"/>
        </p:nvSpPr>
        <p:spPr>
          <a:xfrm>
            <a:off x="574675" y="6079394"/>
            <a:ext cx="3314278" cy="26111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36000" rtlCol="0" anchor="ctr" anchorCtr="0"/>
          <a:lstStyle/>
          <a:p>
            <a:pPr algn="l" rtl="0"/>
            <a:r>
              <a:rPr lang="da-DK" sz="1000" noProof="0" dirty="0"/>
              <a:t>Falck.com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4673" y="1476883"/>
            <a:ext cx="11037889" cy="1047777"/>
          </a:xfrm>
        </p:spPr>
        <p:txBody>
          <a:bodyPr vert="horz" anchor="b" anchorCtr="0"/>
          <a:lstStyle>
            <a:lvl1pPr algn="l" rtl="0">
              <a:lnSpc>
                <a:spcPct val="83000"/>
              </a:lnSpc>
              <a:defRPr sz="8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add text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2560923"/>
            <a:ext cx="3314278" cy="1769752"/>
          </a:xfrm>
        </p:spPr>
        <p:txBody>
          <a:bodyPr anchor="t" anchorCtr="0"/>
          <a:lstStyle>
            <a:lvl1pPr marL="0" indent="0" algn="l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pic>
        <p:nvPicPr>
          <p:cNvPr id="21" name="Logo white">
            <a:extLst>
              <a:ext uri="{FF2B5EF4-FFF2-40B4-BE49-F238E27FC236}">
                <a16:creationId xmlns:a16="http://schemas.microsoft.com/office/drawing/2014/main" id="{F4DF522B-BBA5-4E3A-87AF-0B7B9E2EF236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58649" y="5645236"/>
            <a:ext cx="2653914" cy="800872"/>
          </a:xfrm>
          <a:prstGeom prst="rect">
            <a:avLst/>
          </a:prstGeom>
        </p:spPr>
      </p:pic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070151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, dark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7AEA124-DE47-B7F7-35D8-565FCD22389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7602692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7AEA124-DE47-B7F7-35D8-565FCD22389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7" name="text">
            <a:extLst>
              <a:ext uri="{FF2B5EF4-FFF2-40B4-BE49-F238E27FC236}">
                <a16:creationId xmlns:a16="http://schemas.microsoft.com/office/drawing/2014/main" id="{86C0A98B-F9BD-4B21-B9C1-2687709CF63D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7" y="0"/>
            <a:ext cx="12187065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4673" y="1517184"/>
            <a:ext cx="11037889" cy="1007476"/>
          </a:xfrm>
        </p:spPr>
        <p:txBody>
          <a:bodyPr vert="horz" anchor="b" anchorCtr="0"/>
          <a:lstStyle>
            <a:lvl1pPr algn="l" rtl="0">
              <a:lnSpc>
                <a:spcPct val="83000"/>
              </a:lnSpc>
              <a:defRPr sz="8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add text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2560923"/>
            <a:ext cx="3314278" cy="1769752"/>
          </a:xfrm>
        </p:spPr>
        <p:txBody>
          <a:bodyPr anchor="t" anchorCtr="0"/>
          <a:lstStyle>
            <a:lvl1pPr marL="0" indent="0" algn="l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pic>
        <p:nvPicPr>
          <p:cNvPr id="21" name="Logo white">
            <a:extLst>
              <a:ext uri="{FF2B5EF4-FFF2-40B4-BE49-F238E27FC236}">
                <a16:creationId xmlns:a16="http://schemas.microsoft.com/office/drawing/2014/main" id="{F4DF522B-BBA5-4E3A-87AF-0B7B9E2EF236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958652" y="5645236"/>
            <a:ext cx="2653908" cy="800872"/>
          </a:xfrm>
          <a:prstGeom prst="rect">
            <a:avLst/>
          </a:prstGeom>
        </p:spPr>
      </p:pic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5" name="text" descr="{&quot;templafy&quot;:{&quot;id&quot;:&quot;93463bbf-96eb-45a3-a210-90c78230889a&quot;}}" title="text">
            <a:extLst>
              <a:ext uri="{FF2B5EF4-FFF2-40B4-BE49-F238E27FC236}">
                <a16:creationId xmlns:a16="http://schemas.microsoft.com/office/drawing/2014/main" id="{30EEE3F4-AE25-4B87-AD35-F372D7B04255}"/>
              </a:ext>
            </a:extLst>
          </p:cNvPr>
          <p:cNvSpPr/>
          <p:nvPr userDrawn="1"/>
        </p:nvSpPr>
        <p:spPr>
          <a:xfrm>
            <a:off x="574675" y="6079394"/>
            <a:ext cx="3314278" cy="26111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36000" rtlCol="0" anchor="ctr" anchorCtr="0"/>
          <a:lstStyle/>
          <a:p>
            <a:pPr algn="l" rtl="0"/>
            <a:r>
              <a:rPr lang="da-DK" sz="1000" noProof="0" dirty="0"/>
              <a:t>Falck.com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623629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EDC66A06-7693-8F7C-2D16-2B6E4679FE39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30977983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DC66A06-7693-8F7C-2D16-2B6E4679FE3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Subtitle 2">
            <a:extLst>
              <a:ext uri="{FF2B5EF4-FFF2-40B4-BE49-F238E27FC236}">
                <a16:creationId xmlns:a16="http://schemas.microsoft.com/office/drawing/2014/main" id="{C1EE6D30-DAE4-43B3-A64F-3F8C0D304EC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045EE98-2F11-4C72-A6C3-211D8F63C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4675" y="683763"/>
            <a:ext cx="10727999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dirty="0"/>
              <a:t>Click to add title in max two lines, if two lines, delete subtit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74675" y="1916113"/>
            <a:ext cx="10728000" cy="3981450"/>
          </a:xfrm>
        </p:spPr>
        <p:txBody>
          <a:bodyPr/>
          <a:lstStyle>
            <a:lvl1pPr rtl="0">
              <a:defRPr/>
            </a:lvl1pPr>
            <a:lvl2pPr rtl="0">
              <a:defRPr/>
            </a:lvl2pPr>
            <a:lvl3pPr rtl="0">
              <a:defRPr/>
            </a:lvl3pPr>
            <a:lvl4pPr rtl="0">
              <a:defRPr/>
            </a:lvl4pPr>
            <a:lvl5pPr rtl="0">
              <a:defRPr/>
            </a:lvl5pPr>
          </a:lstStyle>
          <a:p>
            <a:pPr lvl="0"/>
            <a:r>
              <a:rPr lang="da-DK" noProof="0" dirty="0"/>
              <a:t>Click to edit Master text styles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25E852A-DBD2-478B-BD84-6E9A93D5389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42CCCC37-F80F-4624-B1A3-A6239A798F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3C29B692-1416-40D2-932B-BB1E3ADB50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4CE41F0-384B-4BAC-86F6-8DF6605241E1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38781930"/>
      </p:ext>
    </p:extLst>
  </p:cSld>
  <p:clrMapOvr>
    <a:masterClrMapping/>
  </p:clrMapOvr>
  <p:hf hdr="0"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65F50C14-C262-71D1-6EF3-0098C525949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0691768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5F50C14-C262-71D1-6EF3-0098C525949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5" y="683763"/>
            <a:ext cx="107280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 in max two lines, if two lines, delete subtit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74675" y="1916113"/>
            <a:ext cx="5184000" cy="3981450"/>
          </a:xfrm>
        </p:spPr>
        <p:txBody>
          <a:bodyPr/>
          <a:lstStyle>
            <a:lvl1pPr rtl="0">
              <a:defRPr/>
            </a:lvl1pPr>
            <a:lvl2pPr rtl="0">
              <a:defRPr/>
            </a:lvl2pPr>
            <a:lvl3pPr rtl="0">
              <a:defRPr/>
            </a:lvl3pPr>
            <a:lvl4pPr rtl="0">
              <a:defRPr/>
            </a:lvl4pPr>
            <a:lvl5pPr rtl="0">
              <a:defRPr/>
            </a:lvl5pPr>
          </a:lstStyle>
          <a:p>
            <a:pPr lvl="0"/>
            <a:r>
              <a:rPr lang="da-DK" noProof="0" dirty="0"/>
              <a:t>Click to edit Master text styles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18675" y="1916113"/>
            <a:ext cx="5184000" cy="3981450"/>
          </a:xfrm>
        </p:spPr>
        <p:txBody>
          <a:bodyPr/>
          <a:lstStyle>
            <a:lvl1pPr rtl="0">
              <a:defRPr/>
            </a:lvl1pPr>
            <a:lvl2pPr rtl="0">
              <a:defRPr/>
            </a:lvl2pPr>
            <a:lvl3pPr rtl="0">
              <a:defRPr/>
            </a:lvl3pPr>
            <a:lvl4pPr rtl="0">
              <a:defRPr/>
            </a:lvl4pPr>
            <a:lvl5pPr rtl="0">
              <a:defRPr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2D2A3EC5-DDB9-42AD-9603-3E4C0CF8F05B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52715034"/>
      </p:ext>
    </p:extLst>
  </p:cSld>
  <p:clrMapOvr>
    <a:masterClrMapping/>
  </p:clrMapOvr>
  <p:hf hdr="0"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, column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916BBA78-1D04-A8F6-8F7D-E38F41F7076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40510343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16BBA78-1D04-A8F6-8F7D-E38F41F7076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DEDB891-1D56-49C3-8282-E5E7CDD9E8F0}"/>
              </a:ext>
            </a:extLst>
          </p:cNvPr>
          <p:cNvCxnSpPr>
            <a:cxnSpLocks/>
          </p:cNvCxnSpPr>
          <p:nvPr userDrawn="1"/>
        </p:nvCxnSpPr>
        <p:spPr>
          <a:xfrm>
            <a:off x="5938675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5" y="683763"/>
            <a:ext cx="107280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 in max two lines, if two lines, delete subtit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74675" y="1916113"/>
            <a:ext cx="5184000" cy="3981450"/>
          </a:xfrm>
        </p:spPr>
        <p:txBody>
          <a:bodyPr/>
          <a:lstStyle>
            <a:lvl1pPr rtl="0">
              <a:defRPr/>
            </a:lvl1pPr>
            <a:lvl2pPr rtl="0">
              <a:defRPr/>
            </a:lvl2pPr>
            <a:lvl3pPr rtl="0">
              <a:defRPr/>
            </a:lvl3pPr>
            <a:lvl4pPr rtl="0">
              <a:defRPr/>
            </a:lvl4pPr>
            <a:lvl5pPr rtl="0">
              <a:defRPr/>
            </a:lvl5pPr>
          </a:lstStyle>
          <a:p>
            <a:pPr lvl="0"/>
            <a:r>
              <a:rPr lang="da-DK" noProof="0" dirty="0"/>
              <a:t>Click to edit Master text styles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18675" y="1916113"/>
            <a:ext cx="5184000" cy="3981450"/>
          </a:xfrm>
        </p:spPr>
        <p:txBody>
          <a:bodyPr/>
          <a:lstStyle>
            <a:lvl1pPr rtl="0">
              <a:defRPr/>
            </a:lvl1pPr>
            <a:lvl2pPr rtl="0">
              <a:defRPr/>
            </a:lvl2pPr>
            <a:lvl3pPr rtl="0">
              <a:defRPr/>
            </a:lvl3pPr>
            <a:lvl4pPr rtl="0">
              <a:defRPr/>
            </a:lvl4pPr>
            <a:lvl5pPr rtl="0">
              <a:defRPr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61B1CB-0307-4540-B0BF-1FC076CB8246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hf hdr="0"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chart, column line, 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40EC252C-AB60-9CBF-A073-15709F035A5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8893387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40EC252C-AB60-9CBF-A073-15709F035A5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DEDB891-1D56-49C3-8282-E5E7CDD9E8F0}"/>
              </a:ext>
            </a:extLst>
          </p:cNvPr>
          <p:cNvCxnSpPr>
            <a:cxnSpLocks/>
          </p:cNvCxnSpPr>
          <p:nvPr userDrawn="1"/>
        </p:nvCxnSpPr>
        <p:spPr>
          <a:xfrm>
            <a:off x="5938675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/>
              <a:t>Click to add subtitle in one line. Can be used if title is one line as wel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5" y="683763"/>
            <a:ext cx="107280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/>
              <a:t>Click to add title in max two lines, if two lines, delete subtit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74675" y="1916113"/>
            <a:ext cx="5184000" cy="3981450"/>
          </a:xfrm>
        </p:spPr>
        <p:txBody>
          <a:bodyPr/>
          <a:lstStyle>
            <a:lvl1pPr rtl="0">
              <a:defRPr/>
            </a:lvl1pPr>
            <a:lvl2pPr rtl="0">
              <a:defRPr/>
            </a:lvl2pPr>
            <a:lvl3pPr rtl="0">
              <a:defRPr/>
            </a:lvl3pPr>
            <a:lvl4pPr rtl="0">
              <a:defRPr/>
            </a:lvl4pPr>
            <a:lvl5pPr rtl="0">
              <a:defRPr/>
            </a:lvl5pPr>
          </a:lstStyle>
          <a:p>
            <a:pPr lvl="0"/>
            <a:r>
              <a:rPr lang="da-DK" noProof="0" dirty="0"/>
              <a:t>Click to edit 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18675" y="2359662"/>
            <a:ext cx="5184000" cy="3537900"/>
          </a:xfrm>
        </p:spPr>
        <p:txBody>
          <a:bodyPr/>
          <a:lstStyle>
            <a:lvl1pPr rtl="0">
              <a:defRPr/>
            </a:lvl1pPr>
            <a:lvl2pPr rtl="0">
              <a:defRPr/>
            </a:lvl2pPr>
            <a:lvl3pPr rtl="0">
              <a:defRPr/>
            </a:lvl3pPr>
            <a:lvl4pPr rtl="0">
              <a:defRPr/>
            </a:lvl4pPr>
            <a:lvl5pPr rtl="0">
              <a:defRPr/>
            </a:lvl5pPr>
          </a:lstStyle>
          <a:p>
            <a:pPr lvl="0"/>
            <a:r>
              <a:rPr lang="da-DK"/>
              <a:t>Click to 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</p:txBody>
      </p:sp>
      <p:sp>
        <p:nvSpPr>
          <p:cNvPr id="13" name="Text Placeholder 41">
            <a:extLst>
              <a:ext uri="{FF2B5EF4-FFF2-40B4-BE49-F238E27FC236}">
                <a16:creationId xmlns:a16="http://schemas.microsoft.com/office/drawing/2014/main" id="{8A4EE466-37DF-4A52-9FF6-B5BE436D8AEE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118675" y="1916113"/>
            <a:ext cx="5184325" cy="314340"/>
          </a:xfrm>
        </p:spPr>
        <p:txBody>
          <a:bodyPr/>
          <a:lstStyle>
            <a:lvl1pPr marL="0" indent="0" rtl="0">
              <a:buFontTx/>
              <a:buNone/>
              <a:defRPr sz="2000" b="1"/>
            </a:lvl1pPr>
            <a:lvl2pPr marL="0" indent="0">
              <a:buFontTx/>
              <a:buNone/>
              <a:defRPr sz="2000" b="1"/>
            </a:lvl2pPr>
            <a:lvl3pPr marL="0" indent="0">
              <a:buFontTx/>
              <a:buNone/>
              <a:defRPr sz="2000" b="1"/>
            </a:lvl3pPr>
            <a:lvl4pPr marL="0" indent="0">
              <a:buFontTx/>
              <a:buNone/>
              <a:defRPr sz="2000" b="1"/>
            </a:lvl4pPr>
            <a:lvl5pPr marL="0" indent="0">
              <a:buFontTx/>
              <a:buNone/>
              <a:defRPr sz="2000" b="1"/>
            </a:lvl5pPr>
          </a:lstStyle>
          <a:p>
            <a:pPr lvl="0"/>
            <a:r>
              <a:rPr lang="da-DK"/>
              <a:t>Click to add chart title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61B1CB-0307-4540-B0BF-1FC076CB8246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29425716"/>
      </p:ext>
    </p:extLst>
  </p:cSld>
  <p:clrMapOvr>
    <a:masterClrMapping/>
  </p:clrMapOvr>
  <p:hf hdr="0"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+ 2/3 content, column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44B22252-1C74-2681-19F3-4DC702D0933A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00061763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4B22252-1C74-2681-19F3-4DC702D0933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6000" y="683763"/>
            <a:ext cx="107280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 in max two lines, if two lines, delete subtit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74674" y="1916113"/>
            <a:ext cx="3337200" cy="398145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noProof="0" dirty="0"/>
              <a:t>Click to edit Master text styles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273200" y="1916113"/>
            <a:ext cx="7030800" cy="398145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61B1CB-0307-4540-B0BF-1FC076CB8246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4B910C70-B023-4A8C-9926-330390E1D279}"/>
              </a:ext>
            </a:extLst>
          </p:cNvPr>
          <p:cNvCxnSpPr>
            <a:cxnSpLocks/>
          </p:cNvCxnSpPr>
          <p:nvPr userDrawn="1"/>
        </p:nvCxnSpPr>
        <p:spPr>
          <a:xfrm>
            <a:off x="4089172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979397919"/>
      </p:ext>
    </p:extLst>
  </p:cSld>
  <p:clrMapOvr>
    <a:masterClrMapping/>
  </p:clrMapOvr>
  <p:hf hdr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,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D392976D-AAEE-A0F3-EDEC-0494F7418F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642932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D392976D-AAEE-A0F3-EDEC-0494F7418F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96000" y="836612"/>
            <a:ext cx="6096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157053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157053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4" name="Floating Logo">
            <a:extLst>
              <a:ext uri="{FF2B5EF4-FFF2-40B4-BE49-F238E27FC236}">
                <a16:creationId xmlns:a16="http://schemas.microsoft.com/office/drawing/2014/main" id="{321731FD-9951-48FF-A534-6BC629151AA9}"/>
              </a:ext>
            </a:extLst>
          </p:cNvPr>
          <p:cNvSpPr>
            <a:spLocks noGrp="1" noChangeAspect="1"/>
          </p:cNvSpPr>
          <p:nvPr>
            <p:ph type="body" sz="quarter" idx="27"/>
          </p:nvPr>
        </p:nvSpPr>
        <p:spPr>
          <a:xfrm>
            <a:off x="8960400" y="5644800"/>
            <a:ext cx="2653200" cy="8028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rtl="0">
              <a:defRPr sz="100">
                <a:noFill/>
              </a:defRPr>
            </a:lvl1pPr>
            <a:lvl2pPr rtl="0">
              <a:defRPr sz="100">
                <a:noFill/>
              </a:defRPr>
            </a:lvl2pPr>
            <a:lvl3pPr rtl="0">
              <a:defRPr sz="100">
                <a:noFill/>
              </a:defRPr>
            </a:lvl3pPr>
            <a:lvl4pPr rtl="0">
              <a:defRPr sz="100">
                <a:noFill/>
              </a:defRPr>
            </a:lvl4pPr>
            <a:lvl5pPr rtl="0">
              <a:defRPr sz="100">
                <a:noFill/>
              </a:defRPr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83485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+ 1/3 content, column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85637755-3BD1-910A-051F-4F4B3299F6D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27864152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5637755-3BD1-910A-051F-4F4B3299F6D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 in max two lines, if two lines, delete subtit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965799" y="1916113"/>
            <a:ext cx="3337200" cy="398145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noProof="0" dirty="0"/>
              <a:t>Click to edit Master text styles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74675" y="1916113"/>
            <a:ext cx="7030800" cy="398145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61B1CB-0307-4540-B0BF-1FC076CB8246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A270460A-F26E-4CEE-9E4F-84CF192002D8}"/>
              </a:ext>
            </a:extLst>
          </p:cNvPr>
          <p:cNvCxnSpPr>
            <a:cxnSpLocks/>
          </p:cNvCxnSpPr>
          <p:nvPr userDrawn="1"/>
        </p:nvCxnSpPr>
        <p:spPr>
          <a:xfrm>
            <a:off x="7781442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87227443"/>
      </p:ext>
    </p:extLst>
  </p:cSld>
  <p:clrMapOvr>
    <a:masterClrMapping/>
  </p:clrMapOvr>
  <p:hf hdr="0"/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, column lin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B85DA375-A735-234A-6DF3-A8A3FEE116C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7739658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B85DA375-A735-234A-6DF3-A8A3FEE116C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5" y="683763"/>
            <a:ext cx="107280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 in max two lines, if two lines, delete subtitle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61B1CB-0307-4540-B0BF-1FC076CB8246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44CC02E-7D2D-4846-80E8-ABF7E91AEE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4673" y="1702235"/>
            <a:ext cx="3337200" cy="359997"/>
          </a:xfrm>
        </p:spPr>
        <p:txBody>
          <a:bodyPr/>
          <a:lstStyle>
            <a:lvl1pPr marL="0" indent="0" rtl="0">
              <a:spcAft>
                <a:spcPts val="0"/>
              </a:spcAft>
              <a:buFontTx/>
              <a:buNone/>
              <a:defRPr b="1"/>
            </a:lvl1pPr>
            <a:lvl2pPr marL="0" indent="0">
              <a:spcAft>
                <a:spcPts val="0"/>
              </a:spcAft>
              <a:buFontTx/>
              <a:buNone/>
              <a:defRPr b="1"/>
            </a:lvl2pPr>
            <a:lvl3pPr marL="0" indent="0">
              <a:spcAft>
                <a:spcPts val="0"/>
              </a:spcAft>
              <a:buFontTx/>
              <a:buNone/>
              <a:defRPr b="1"/>
            </a:lvl3pPr>
            <a:lvl4pPr marL="0" indent="0">
              <a:spcAft>
                <a:spcPts val="0"/>
              </a:spcAft>
              <a:buFontTx/>
              <a:buNone/>
              <a:defRPr b="1"/>
            </a:lvl4pPr>
            <a:lvl5pPr marL="0" indent="0">
              <a:spcAft>
                <a:spcPts val="0"/>
              </a:spcAft>
              <a:buFontTx/>
              <a:buNone/>
              <a:defRPr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D4144DF0-D559-4939-AAFF-275BA9A2F55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74674" y="2177295"/>
            <a:ext cx="3337200" cy="3720268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C65EC6D-D26C-4EBE-871A-E160DC230A3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70074" y="1702235"/>
            <a:ext cx="3337200" cy="359998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28E88A2D-33CB-482B-91F6-804387EC220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270074" y="2177294"/>
            <a:ext cx="3337200" cy="3723351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28789AF5-4FAD-43CF-835A-40205B6FBC6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965475" y="1702235"/>
            <a:ext cx="33372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4" name="Content Placeholder 23">
            <a:extLst>
              <a:ext uri="{FF2B5EF4-FFF2-40B4-BE49-F238E27FC236}">
                <a16:creationId xmlns:a16="http://schemas.microsoft.com/office/drawing/2014/main" id="{E5ED51C2-9C54-40CF-B8EB-B95E584BE6B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7965475" y="2177295"/>
            <a:ext cx="3337200" cy="3720268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32DBE936-48E4-4946-BA55-7CCA6953C5C2}"/>
              </a:ext>
            </a:extLst>
          </p:cNvPr>
          <p:cNvCxnSpPr>
            <a:cxnSpLocks/>
          </p:cNvCxnSpPr>
          <p:nvPr userDrawn="1"/>
        </p:nvCxnSpPr>
        <p:spPr>
          <a:xfrm>
            <a:off x="4089172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CB02E2EA-3B2C-481D-AB29-010E6BABB039}"/>
              </a:ext>
            </a:extLst>
          </p:cNvPr>
          <p:cNvCxnSpPr>
            <a:cxnSpLocks/>
          </p:cNvCxnSpPr>
          <p:nvPr userDrawn="1"/>
        </p:nvCxnSpPr>
        <p:spPr>
          <a:xfrm>
            <a:off x="7781442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865075233"/>
      </p:ext>
    </p:extLst>
  </p:cSld>
  <p:clrMapOvr>
    <a:masterClrMapping/>
  </p:clrMapOvr>
  <p:hf hdr="0"/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, column lin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FC9FD3A6-AB05-B305-EFE7-EA52AC1791B9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01608214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C9FD3A6-AB05-B305-EFE7-EA52AC1791B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5" y="683763"/>
            <a:ext cx="107280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 in max two lines, if two lines, delete subtitle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61B1CB-0307-4540-B0BF-1FC076CB8246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44CC02E-7D2D-4846-80E8-ABF7E91AEE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4673" y="1702235"/>
            <a:ext cx="2412000" cy="359997"/>
          </a:xfrm>
        </p:spPr>
        <p:txBody>
          <a:bodyPr/>
          <a:lstStyle>
            <a:lvl1pPr marL="0" indent="0" rtl="0">
              <a:spcAft>
                <a:spcPts val="0"/>
              </a:spcAft>
              <a:buFontTx/>
              <a:buNone/>
              <a:defRPr b="1"/>
            </a:lvl1pPr>
            <a:lvl2pPr marL="0" indent="0">
              <a:spcAft>
                <a:spcPts val="0"/>
              </a:spcAft>
              <a:buFontTx/>
              <a:buNone/>
              <a:defRPr b="1"/>
            </a:lvl2pPr>
            <a:lvl3pPr marL="0" indent="0">
              <a:spcAft>
                <a:spcPts val="0"/>
              </a:spcAft>
              <a:buFontTx/>
              <a:buNone/>
              <a:defRPr b="1"/>
            </a:lvl3pPr>
            <a:lvl4pPr marL="0" indent="0">
              <a:spcAft>
                <a:spcPts val="0"/>
              </a:spcAft>
              <a:buFontTx/>
              <a:buNone/>
              <a:defRPr b="1"/>
            </a:lvl4pPr>
            <a:lvl5pPr marL="0" indent="0">
              <a:spcAft>
                <a:spcPts val="0"/>
              </a:spcAft>
              <a:buFontTx/>
              <a:buNone/>
              <a:defRPr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D4144DF0-D559-4939-AAFF-275BA9A2F55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74674" y="2177295"/>
            <a:ext cx="2412000" cy="3720268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C65EC6D-D26C-4EBE-871A-E160DC230A3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346674" y="1702235"/>
            <a:ext cx="2412000" cy="359998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28E88A2D-33CB-482B-91F6-804387EC220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46674" y="2177294"/>
            <a:ext cx="2412000" cy="3723351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28789AF5-4FAD-43CF-835A-40205B6FBC6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118675" y="1702235"/>
            <a:ext cx="24120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4" name="Content Placeholder 23">
            <a:extLst>
              <a:ext uri="{FF2B5EF4-FFF2-40B4-BE49-F238E27FC236}">
                <a16:creationId xmlns:a16="http://schemas.microsoft.com/office/drawing/2014/main" id="{E5ED51C2-9C54-40CF-B8EB-B95E584BE6B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118675" y="2177295"/>
            <a:ext cx="2412000" cy="3720268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DE5FE785-A8E6-42E8-93B4-7457631103B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890675" y="1702235"/>
            <a:ext cx="24120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8" name="Content Placeholder 27">
            <a:extLst>
              <a:ext uri="{FF2B5EF4-FFF2-40B4-BE49-F238E27FC236}">
                <a16:creationId xmlns:a16="http://schemas.microsoft.com/office/drawing/2014/main" id="{8A913FC1-70AF-4DE6-8D82-5670E049EA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890675" y="2177295"/>
            <a:ext cx="2412000" cy="3720268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FB3A2EC7-1D8C-46A2-BCEF-AD9E5CCC06CE}"/>
              </a:ext>
            </a:extLst>
          </p:cNvPr>
          <p:cNvCxnSpPr>
            <a:cxnSpLocks/>
          </p:cNvCxnSpPr>
          <p:nvPr userDrawn="1"/>
        </p:nvCxnSpPr>
        <p:spPr>
          <a:xfrm>
            <a:off x="5938675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BCFC9D7-2B4D-418F-A009-782B8B18318B}"/>
              </a:ext>
            </a:extLst>
          </p:cNvPr>
          <p:cNvCxnSpPr>
            <a:cxnSpLocks/>
          </p:cNvCxnSpPr>
          <p:nvPr userDrawn="1"/>
        </p:nvCxnSpPr>
        <p:spPr>
          <a:xfrm>
            <a:off x="3166670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5C54820-B41B-489C-B6C4-859D35934E6B}"/>
              </a:ext>
            </a:extLst>
          </p:cNvPr>
          <p:cNvCxnSpPr>
            <a:cxnSpLocks/>
          </p:cNvCxnSpPr>
          <p:nvPr userDrawn="1"/>
        </p:nvCxnSpPr>
        <p:spPr>
          <a:xfrm>
            <a:off x="8710678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83381775"/>
      </p:ext>
    </p:extLst>
  </p:cSld>
  <p:clrMapOvr>
    <a:masterClrMapping/>
  </p:clrMapOvr>
  <p:hf hdr="0"/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, column lin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42FBC295-1875-D0BC-C837-6C15E1F2227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00647535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FBC295-1875-D0BC-C837-6C15E1F2227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5" y="683763"/>
            <a:ext cx="107280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 in max two lines, if two lines, delete subtitle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61B1CB-0307-4540-B0BF-1FC076CB8246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44CC02E-7D2D-4846-80E8-ABF7E91AEE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4673" y="1702235"/>
            <a:ext cx="5184000" cy="359997"/>
          </a:xfrm>
        </p:spPr>
        <p:txBody>
          <a:bodyPr/>
          <a:lstStyle>
            <a:lvl1pPr marL="0" indent="0" rtl="0">
              <a:spcAft>
                <a:spcPts val="0"/>
              </a:spcAft>
              <a:buFontTx/>
              <a:buNone/>
              <a:defRPr b="1"/>
            </a:lvl1pPr>
            <a:lvl2pPr marL="0" indent="0">
              <a:spcAft>
                <a:spcPts val="0"/>
              </a:spcAft>
              <a:buFontTx/>
              <a:buNone/>
              <a:defRPr b="1"/>
            </a:lvl2pPr>
            <a:lvl3pPr marL="0" indent="0">
              <a:spcAft>
                <a:spcPts val="0"/>
              </a:spcAft>
              <a:buFontTx/>
              <a:buNone/>
              <a:defRPr b="1"/>
            </a:lvl3pPr>
            <a:lvl4pPr marL="0" indent="0">
              <a:spcAft>
                <a:spcPts val="0"/>
              </a:spcAft>
              <a:buFontTx/>
              <a:buNone/>
              <a:defRPr b="1"/>
            </a:lvl4pPr>
            <a:lvl5pPr marL="0" indent="0">
              <a:spcAft>
                <a:spcPts val="0"/>
              </a:spcAft>
              <a:buFontTx/>
              <a:buNone/>
              <a:defRPr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D4144DF0-D559-4939-AAFF-275BA9A2F55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74674" y="2177295"/>
            <a:ext cx="5184000" cy="153000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C65EC6D-D26C-4EBE-871A-E160DC230A3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74671" y="3896404"/>
            <a:ext cx="51840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28E88A2D-33CB-482B-91F6-804387EC220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574673" y="4371308"/>
            <a:ext cx="5184000" cy="1531268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28789AF5-4FAD-43CF-835A-40205B6FBC6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118675" y="1702235"/>
            <a:ext cx="51840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4" name="Content Placeholder 23">
            <a:extLst>
              <a:ext uri="{FF2B5EF4-FFF2-40B4-BE49-F238E27FC236}">
                <a16:creationId xmlns:a16="http://schemas.microsoft.com/office/drawing/2014/main" id="{E5ED51C2-9C54-40CF-B8EB-B95E584BE6B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118675" y="2177295"/>
            <a:ext cx="5184000" cy="153000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DE5FE785-A8E6-42E8-93B4-7457631103B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118675" y="3896404"/>
            <a:ext cx="51840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8" name="Content Placeholder 27">
            <a:extLst>
              <a:ext uri="{FF2B5EF4-FFF2-40B4-BE49-F238E27FC236}">
                <a16:creationId xmlns:a16="http://schemas.microsoft.com/office/drawing/2014/main" id="{8A913FC1-70AF-4DE6-8D82-5670E049EA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6118675" y="4372576"/>
            <a:ext cx="5184000" cy="153000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DA8158E2-6064-468C-90DC-A38249E86F76}"/>
              </a:ext>
            </a:extLst>
          </p:cNvPr>
          <p:cNvCxnSpPr>
            <a:cxnSpLocks/>
          </p:cNvCxnSpPr>
          <p:nvPr userDrawn="1"/>
        </p:nvCxnSpPr>
        <p:spPr>
          <a:xfrm>
            <a:off x="574674" y="3792966"/>
            <a:ext cx="514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C54C6F39-19A7-4575-B239-BE97C8BE1A6F}"/>
              </a:ext>
            </a:extLst>
          </p:cNvPr>
          <p:cNvCxnSpPr>
            <a:cxnSpLocks/>
          </p:cNvCxnSpPr>
          <p:nvPr userDrawn="1"/>
        </p:nvCxnSpPr>
        <p:spPr>
          <a:xfrm>
            <a:off x="6154675" y="3792966"/>
            <a:ext cx="514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FB3A2EC7-1D8C-46A2-BCEF-AD9E5CCC06CE}"/>
              </a:ext>
            </a:extLst>
          </p:cNvPr>
          <p:cNvCxnSpPr>
            <a:cxnSpLocks/>
          </p:cNvCxnSpPr>
          <p:nvPr userDrawn="1"/>
        </p:nvCxnSpPr>
        <p:spPr>
          <a:xfrm>
            <a:off x="5938675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80469184"/>
      </p:ext>
    </p:extLst>
  </p:cSld>
  <p:clrMapOvr>
    <a:masterClrMapping/>
  </p:clrMapOvr>
  <p:hf hdr="0"/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, column lin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08F8986F-78FB-D110-AE4F-4FFEC415F9B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0822263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8F8986F-78FB-D110-AE4F-4FFEC415F9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DEDB891-1D56-49C3-8282-E5E7CDD9E8F0}"/>
              </a:ext>
            </a:extLst>
          </p:cNvPr>
          <p:cNvCxnSpPr>
            <a:cxnSpLocks/>
          </p:cNvCxnSpPr>
          <p:nvPr userDrawn="1"/>
        </p:nvCxnSpPr>
        <p:spPr>
          <a:xfrm>
            <a:off x="4089172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5" y="683763"/>
            <a:ext cx="107280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 in max two lines, if two lines, delete subtitle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261B1CB-0307-4540-B0BF-1FC076CB8246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CB57AE8D-72C5-4931-A8B0-B7917C380EB7}"/>
              </a:ext>
            </a:extLst>
          </p:cNvPr>
          <p:cNvCxnSpPr>
            <a:cxnSpLocks/>
          </p:cNvCxnSpPr>
          <p:nvPr userDrawn="1"/>
        </p:nvCxnSpPr>
        <p:spPr>
          <a:xfrm>
            <a:off x="7781442" y="1535723"/>
            <a:ext cx="0" cy="4454769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44CC02E-7D2D-4846-80E8-ABF7E91AEE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4673" y="1702235"/>
            <a:ext cx="3337200" cy="359997"/>
          </a:xfrm>
        </p:spPr>
        <p:txBody>
          <a:bodyPr/>
          <a:lstStyle>
            <a:lvl1pPr marL="0" indent="0" rtl="0">
              <a:spcAft>
                <a:spcPts val="0"/>
              </a:spcAft>
              <a:buFontTx/>
              <a:buNone/>
              <a:defRPr b="1"/>
            </a:lvl1pPr>
            <a:lvl2pPr marL="0" indent="0">
              <a:spcAft>
                <a:spcPts val="0"/>
              </a:spcAft>
              <a:buFontTx/>
              <a:buNone/>
              <a:defRPr b="1"/>
            </a:lvl2pPr>
            <a:lvl3pPr marL="0" indent="0">
              <a:spcAft>
                <a:spcPts val="0"/>
              </a:spcAft>
              <a:buFontTx/>
              <a:buNone/>
              <a:defRPr b="1"/>
            </a:lvl3pPr>
            <a:lvl4pPr marL="0" indent="0">
              <a:spcAft>
                <a:spcPts val="0"/>
              </a:spcAft>
              <a:buFontTx/>
              <a:buNone/>
              <a:defRPr b="1"/>
            </a:lvl4pPr>
            <a:lvl5pPr marL="0" indent="0">
              <a:spcAft>
                <a:spcPts val="0"/>
              </a:spcAft>
              <a:buFontTx/>
              <a:buNone/>
              <a:defRPr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D4144DF0-D559-4939-AAFF-275BA9A2F55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74674" y="2177295"/>
            <a:ext cx="3337200" cy="153000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C65EC6D-D26C-4EBE-871A-E160DC230A3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74671" y="3896404"/>
            <a:ext cx="33372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28E88A2D-33CB-482B-91F6-804387EC220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574673" y="4371308"/>
            <a:ext cx="3337200" cy="1531268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28789AF5-4FAD-43CF-835A-40205B6FBC6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70074" y="1702232"/>
            <a:ext cx="33372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4" name="Content Placeholder 23">
            <a:extLst>
              <a:ext uri="{FF2B5EF4-FFF2-40B4-BE49-F238E27FC236}">
                <a16:creationId xmlns:a16="http://schemas.microsoft.com/office/drawing/2014/main" id="{E5ED51C2-9C54-40CF-B8EB-B95E584BE6B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70074" y="2177785"/>
            <a:ext cx="3337200" cy="153000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DE5FE785-A8E6-42E8-93B4-7457631103B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270074" y="3896404"/>
            <a:ext cx="33372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28" name="Content Placeholder 27">
            <a:extLst>
              <a:ext uri="{FF2B5EF4-FFF2-40B4-BE49-F238E27FC236}">
                <a16:creationId xmlns:a16="http://schemas.microsoft.com/office/drawing/2014/main" id="{8A913FC1-70AF-4DE6-8D82-5670E049EA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70074" y="4372576"/>
            <a:ext cx="3337200" cy="153000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4BF3B2AF-25AE-4998-9DBE-39A7E605347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965475" y="1702232"/>
            <a:ext cx="3337200" cy="360000"/>
          </a:xfrm>
        </p:spPr>
        <p:txBody>
          <a:bodyPr/>
          <a:lstStyle>
            <a:lvl1pPr marL="0" indent="0" rtl="0">
              <a:buNone/>
              <a:defRPr b="1"/>
            </a:lvl1pPr>
            <a:lvl2pPr marL="0" indent="0">
              <a:buNone/>
              <a:defRPr b="1"/>
            </a:lvl2pPr>
            <a:lvl3pPr marL="0" indent="0">
              <a:buNone/>
              <a:defRPr b="1"/>
            </a:lvl3pPr>
            <a:lvl4pPr marL="0" indent="0">
              <a:buNone/>
              <a:defRPr b="1"/>
            </a:lvl4pPr>
            <a:lvl5pPr marL="0" indent="0">
              <a:buNone/>
              <a:defRPr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31A70DCD-C870-4287-81E6-19BC8C8C5A54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7965475" y="2177135"/>
            <a:ext cx="3337200" cy="153000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E481706D-79BA-4127-9D29-493107D7D911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965475" y="3896404"/>
            <a:ext cx="3337200" cy="360000"/>
          </a:xfrm>
        </p:spPr>
        <p:txBody>
          <a:bodyPr/>
          <a:lstStyle>
            <a:lvl1pPr marL="0" indent="0" rtl="0">
              <a:spcAft>
                <a:spcPts val="0"/>
              </a:spcAft>
              <a:buNone/>
              <a:defRPr sz="2000" b="1"/>
            </a:lvl1pPr>
            <a:lvl2pPr marL="0" indent="0">
              <a:spcAft>
                <a:spcPts val="0"/>
              </a:spcAft>
              <a:buNone/>
              <a:defRPr sz="2000" b="1"/>
            </a:lvl2pPr>
            <a:lvl3pPr marL="0" indent="0">
              <a:spcAft>
                <a:spcPts val="0"/>
              </a:spcAft>
              <a:buNone/>
              <a:defRPr sz="2000" b="1"/>
            </a:lvl3pPr>
            <a:lvl4pPr marL="0" indent="0">
              <a:spcAft>
                <a:spcPts val="0"/>
              </a:spcAft>
              <a:buNone/>
              <a:defRPr sz="2000" b="1"/>
            </a:lvl4pPr>
            <a:lvl5pPr marL="0" indent="0">
              <a:spcAft>
                <a:spcPts val="0"/>
              </a:spcAft>
              <a:buNone/>
              <a:defRPr sz="2000" b="1"/>
            </a:lvl5pPr>
          </a:lstStyle>
          <a:p>
            <a:pPr lvl="0"/>
            <a:r>
              <a:rPr lang="da-DK" dirty="0"/>
              <a:t>Click to add text, one line</a:t>
            </a:r>
            <a:endParaRPr lang="da-DK"/>
          </a:p>
        </p:txBody>
      </p:sp>
      <p:sp>
        <p:nvSpPr>
          <p:cNvPr id="36" name="Content Placeholder 35">
            <a:extLst>
              <a:ext uri="{FF2B5EF4-FFF2-40B4-BE49-F238E27FC236}">
                <a16:creationId xmlns:a16="http://schemas.microsoft.com/office/drawing/2014/main" id="{815F6B20-D147-4A52-8D1A-42E532DEFD7E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7965475" y="4372576"/>
            <a:ext cx="3337200" cy="1530000"/>
          </a:xfrm>
        </p:spPr>
        <p:txBody>
          <a:bodyPr/>
          <a:lstStyle>
            <a:lvl1pPr rtl="0">
              <a:defRPr sz="1400"/>
            </a:lvl1pPr>
            <a:lvl2pPr rtl="0">
              <a:defRPr sz="1200"/>
            </a:lvl2pPr>
            <a:lvl3pPr rtl="0">
              <a:defRPr sz="1000"/>
            </a:lvl3pPr>
            <a:lvl4pPr rtl="0">
              <a:defRPr sz="1400"/>
            </a:lvl4pPr>
            <a:lvl5pPr rtl="0">
              <a:defRPr sz="1400"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DA8158E2-6064-468C-90DC-A38249E86F76}"/>
              </a:ext>
            </a:extLst>
          </p:cNvPr>
          <p:cNvCxnSpPr>
            <a:cxnSpLocks/>
          </p:cNvCxnSpPr>
          <p:nvPr userDrawn="1"/>
        </p:nvCxnSpPr>
        <p:spPr>
          <a:xfrm>
            <a:off x="574674" y="3792966"/>
            <a:ext cx="33372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C54C6F39-19A7-4575-B239-BE97C8BE1A6F}"/>
              </a:ext>
            </a:extLst>
          </p:cNvPr>
          <p:cNvCxnSpPr>
            <a:cxnSpLocks/>
          </p:cNvCxnSpPr>
          <p:nvPr userDrawn="1"/>
        </p:nvCxnSpPr>
        <p:spPr>
          <a:xfrm>
            <a:off x="4270074" y="3792966"/>
            <a:ext cx="33372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F613CA1F-1480-49ED-8933-67631F44A4EF}"/>
              </a:ext>
            </a:extLst>
          </p:cNvPr>
          <p:cNvCxnSpPr>
            <a:cxnSpLocks/>
          </p:cNvCxnSpPr>
          <p:nvPr userDrawn="1"/>
        </p:nvCxnSpPr>
        <p:spPr>
          <a:xfrm>
            <a:off x="7965475" y="3792966"/>
            <a:ext cx="33372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8385586"/>
      </p:ext>
    </p:extLst>
  </p:cSld>
  <p:clrMapOvr>
    <a:masterClrMapping/>
  </p:clrMapOvr>
  <p:hf hdr="0"/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740CBC96-8412-44B8-335A-869AA50574A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82067163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40CBC96-8412-44B8-335A-869AA50574A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" name="Picture Placeholder 15">
            <a:extLst>
              <a:ext uri="{FF2B5EF4-FFF2-40B4-BE49-F238E27FC236}">
                <a16:creationId xmlns:a16="http://schemas.microsoft.com/office/drawing/2014/main" id="{95418828-4114-4D04-AAA4-3D34E3B2B4B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120000" y="0"/>
            <a:ext cx="5492563" cy="6289200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7" y="240213"/>
            <a:ext cx="5184000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5" y="683763"/>
            <a:ext cx="51840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 in max 2 line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74675" y="1916113"/>
            <a:ext cx="5184000" cy="3981450"/>
          </a:xfrm>
        </p:spPr>
        <p:txBody>
          <a:bodyPr/>
          <a:lstStyle>
            <a:lvl1pPr rtl="0">
              <a:defRPr/>
            </a:lvl1pPr>
            <a:lvl2pPr rtl="0">
              <a:defRPr/>
            </a:lvl2pPr>
            <a:lvl3pPr rtl="0">
              <a:defRPr/>
            </a:lvl3pPr>
            <a:lvl4pPr rtl="0">
              <a:defRPr/>
            </a:lvl4pPr>
            <a:lvl5pPr rtl="0">
              <a:defRPr/>
            </a:lvl5pPr>
          </a:lstStyle>
          <a:p>
            <a:pPr lvl="0"/>
            <a:r>
              <a:rPr lang="da-DK" noProof="0" dirty="0"/>
              <a:t>Click to edit Master text styles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74674" y="6005475"/>
            <a:ext cx="5183999" cy="176400"/>
          </a:xfrm>
        </p:spPr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84D18F2B-6AA7-45A2-B685-805AE645FFF9}"/>
              </a:ext>
            </a:extLst>
          </p:cNvPr>
          <p:cNvCxnSpPr>
            <a:cxnSpLocks/>
          </p:cNvCxnSpPr>
          <p:nvPr userDrawn="1"/>
        </p:nvCxnSpPr>
        <p:spPr>
          <a:xfrm>
            <a:off x="574673" y="1207052"/>
            <a:ext cx="5184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90256591"/>
      </p:ext>
    </p:extLst>
  </p:cSld>
  <p:clrMapOvr>
    <a:masterClrMapping/>
  </p:clrMapOvr>
  <p:hf hdr="0"/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B550A930-AF8E-DC7F-AB25-6B21A22F5CF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80841302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B550A930-AF8E-DC7F-AB25-6B21A22F5CF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Subtitle 2">
            <a:extLst>
              <a:ext uri="{FF2B5EF4-FFF2-40B4-BE49-F238E27FC236}">
                <a16:creationId xmlns:a16="http://schemas.microsoft.com/office/drawing/2014/main" id="{000439EB-D09C-4BF5-A648-07DCFE1D83A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3337200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4674" y="683763"/>
            <a:ext cx="3337200" cy="360000"/>
          </a:xfrm>
        </p:spPr>
        <p:txBody>
          <a:bodyPr vert="horz"/>
          <a:lstStyle>
            <a:lvl1pPr rtl="0">
              <a:defRPr/>
            </a:lvl1pPr>
          </a:lstStyle>
          <a:p>
            <a:r>
              <a:rPr lang="da-DK" noProof="0" dirty="0"/>
              <a:t>Click to add tit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74674" y="1916113"/>
            <a:ext cx="3337200" cy="3981450"/>
          </a:xfrm>
        </p:spPr>
        <p:txBody>
          <a:bodyPr/>
          <a:lstStyle>
            <a:lvl1pPr rtl="0">
              <a:defRPr/>
            </a:lvl1pPr>
            <a:lvl2pPr rtl="0">
              <a:defRPr/>
            </a:lvl2pPr>
            <a:lvl3pPr rtl="0">
              <a:defRPr/>
            </a:lvl3pPr>
            <a:lvl4pPr rtl="0">
              <a:defRPr/>
            </a:lvl4pPr>
            <a:lvl5pPr rtl="0">
              <a:defRPr/>
            </a:lvl5pPr>
          </a:lstStyle>
          <a:p>
            <a:pPr lvl="0"/>
            <a:r>
              <a:rPr lang="da-DK" noProof="0" dirty="0"/>
              <a:t>Click to edit Master text styles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4" name="Picture Placeholder 15">
            <a:extLst>
              <a:ext uri="{FF2B5EF4-FFF2-40B4-BE49-F238E27FC236}">
                <a16:creationId xmlns:a16="http://schemas.microsoft.com/office/drawing/2014/main" id="{95418828-4114-4D04-AAA4-3D34E3B2B4B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269600" y="0"/>
            <a:ext cx="7342963" cy="6289200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3B8EF76C-24E4-42D2-BBD4-B217AD80F25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74674" y="6005475"/>
            <a:ext cx="3337200" cy="176400"/>
          </a:xfrm>
        </p:spPr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84D18F2B-6AA7-45A2-B685-805AE645FFF9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33372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65688178"/>
      </p:ext>
    </p:extLst>
  </p:cSld>
  <p:clrMapOvr>
    <a:masterClrMapping/>
  </p:clrMapOvr>
  <p:hf hdr="0"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slide image with fram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18FB883-D26B-36C6-5EE1-E4F29CEAAE6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1155389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18FB883-D26B-36C6-5EE1-E4F29CEAAE6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4" name="Picture Placeholder 15">
            <a:extLst>
              <a:ext uri="{FF2B5EF4-FFF2-40B4-BE49-F238E27FC236}">
                <a16:creationId xmlns:a16="http://schemas.microsoft.com/office/drawing/2014/main" id="{95418828-4114-4D04-AAA4-3D34E3B2B4B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11612563" cy="6289200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151970"/>
      </p:ext>
    </p:extLst>
  </p:cSld>
  <p:clrMapOvr>
    <a:masterClrMapping/>
  </p:clrMapOvr>
  <p:hf hdr="0"/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slide imag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18FB883-D26B-36C6-5EE1-E4F29CEAAE6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0193164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18FB883-D26B-36C6-5EE1-E4F29CEAAE6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4" name="Picture Placeholder 15">
            <a:extLst>
              <a:ext uri="{FF2B5EF4-FFF2-40B4-BE49-F238E27FC236}">
                <a16:creationId xmlns:a16="http://schemas.microsoft.com/office/drawing/2014/main" id="{95418828-4114-4D04-AAA4-3D34E3B2B4B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12192000" cy="68580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4F01F18-084D-0037-62E9-8A92594CE2B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219734" cy="2484000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77876589"/>
      </p:ext>
    </p:extLst>
  </p:cSld>
  <p:clrMapOvr>
    <a:masterClrMapping/>
  </p:clrMapOvr>
  <p:hf hdr="0"/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D3F623C3-C5B5-F4BE-96B5-7E8D9EC5F077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7240" y="535710"/>
            <a:ext cx="4073235" cy="188421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</a:t>
            </a:r>
            <a:r>
              <a:rPr lang="da-DK" dirty="0" err="1"/>
              <a:t>Templafy</a:t>
            </a:r>
            <a:r>
              <a:rPr lang="da-DK" dirty="0"/>
              <a:t> Images</a:t>
            </a:r>
            <a:endParaRPr lang="da-DK"/>
          </a:p>
        </p:txBody>
      </p:sp>
      <p:sp>
        <p:nvSpPr>
          <p:cNvPr id="17" name="Picture Placeholder 15">
            <a:extLst>
              <a:ext uri="{FF2B5EF4-FFF2-40B4-BE49-F238E27FC236}">
                <a16:creationId xmlns:a16="http://schemas.microsoft.com/office/drawing/2014/main" id="{50F96ECF-6DAD-800C-BCD8-FBBA74283241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4643585" y="535710"/>
            <a:ext cx="4073235" cy="188421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</a:t>
            </a:r>
            <a:r>
              <a:rPr lang="da-DK" dirty="0" err="1"/>
              <a:t>Templafy</a:t>
            </a:r>
            <a:r>
              <a:rPr lang="da-DK" dirty="0"/>
              <a:t> Images</a:t>
            </a:r>
            <a:endParaRPr lang="da-DK"/>
          </a:p>
        </p:txBody>
      </p:sp>
      <p:sp>
        <p:nvSpPr>
          <p:cNvPr id="21" name="Picture Placeholder 15">
            <a:extLst>
              <a:ext uri="{FF2B5EF4-FFF2-40B4-BE49-F238E27FC236}">
                <a16:creationId xmlns:a16="http://schemas.microsoft.com/office/drawing/2014/main" id="{ED03D981-7F98-57E0-F999-D71B873F1B2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8769930" y="535710"/>
            <a:ext cx="2835563" cy="188421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/>
              <a:t>Click here to insert image via Templafy Images</a:t>
            </a:r>
            <a:endParaRPr lang="da-DK" dirty="0"/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18FB883-D26B-36C6-5EE1-E4F29CEAAE6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94553564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18FB883-D26B-36C6-5EE1-E4F29CEAAE6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D2A1D083-8C46-4992-A7BB-2D8AA78266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D9F970-3D70-4DF9-9A88-7723BC85519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Slide Number Placeholder 4">
            <a:extLst>
              <a:ext uri="{FF2B5EF4-FFF2-40B4-BE49-F238E27FC236}">
                <a16:creationId xmlns:a16="http://schemas.microsoft.com/office/drawing/2014/main" id="{F1F9589C-100E-12E6-34B5-5228277CB99E}"/>
              </a:ext>
            </a:extLst>
          </p:cNvPr>
          <p:cNvSpPr txBox="1">
            <a:spLocks/>
          </p:cNvSpPr>
          <p:nvPr userDrawn="1"/>
        </p:nvSpPr>
        <p:spPr>
          <a:xfrm>
            <a:off x="574674" y="6473389"/>
            <a:ext cx="334394" cy="1800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en-US"/>
            </a:defPPr>
            <a:lvl1pPr marL="0" algn="l" defTabSz="914400" rtl="0" eaLnBrk="1" latinLnBrk="0" hangingPunct="1">
              <a:defRPr sz="800" kern="1200">
                <a:solidFill>
                  <a:srgbClr val="AEAFAF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Pladsholder til slidenummer 6">
            <a:extLst>
              <a:ext uri="{FF2B5EF4-FFF2-40B4-BE49-F238E27FC236}">
                <a16:creationId xmlns:a16="http://schemas.microsoft.com/office/drawing/2014/main" id="{EAF0ACDC-9961-F377-913B-329491A8BDD1}"/>
              </a:ext>
            </a:extLst>
          </p:cNvPr>
          <p:cNvSpPr txBox="1">
            <a:spLocks/>
          </p:cNvSpPr>
          <p:nvPr userDrawn="1"/>
        </p:nvSpPr>
        <p:spPr>
          <a:xfrm>
            <a:off x="574674" y="6473389"/>
            <a:ext cx="334394" cy="1800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en-US"/>
            </a:defPPr>
            <a:lvl1pPr marL="0" algn="l" defTabSz="914400" rtl="0" eaLnBrk="1" latinLnBrk="0" hangingPunct="1">
              <a:defRPr sz="800" kern="1200">
                <a:solidFill>
                  <a:srgbClr val="AEAFAF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3" name="Picture Placeholder 15">
            <a:extLst>
              <a:ext uri="{FF2B5EF4-FFF2-40B4-BE49-F238E27FC236}">
                <a16:creationId xmlns:a16="http://schemas.microsoft.com/office/drawing/2014/main" id="{0265AFEB-9F29-2C12-2B66-F6A395F5D11D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17240" y="2473037"/>
            <a:ext cx="4073235" cy="3800765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</a:t>
            </a:r>
            <a:r>
              <a:rPr lang="da-DK" dirty="0" err="1"/>
              <a:t>Templafy</a:t>
            </a:r>
            <a:r>
              <a:rPr lang="da-DK" dirty="0"/>
              <a:t> Images</a:t>
            </a:r>
            <a:endParaRPr lang="da-DK"/>
          </a:p>
        </p:txBody>
      </p:sp>
      <p:sp>
        <p:nvSpPr>
          <p:cNvPr id="24" name="Picture Placeholder 15">
            <a:extLst>
              <a:ext uri="{FF2B5EF4-FFF2-40B4-BE49-F238E27FC236}">
                <a16:creationId xmlns:a16="http://schemas.microsoft.com/office/drawing/2014/main" id="{3144865D-4B38-00B5-3CDF-15BD0289CCE5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641275" y="4410363"/>
            <a:ext cx="6964218" cy="1870364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/>
              <a:t>Click here to insert image via Templafy Images</a:t>
            </a:r>
            <a:endParaRPr lang="da-DK" dirty="0"/>
          </a:p>
        </p:txBody>
      </p:sp>
      <p:sp>
        <p:nvSpPr>
          <p:cNvPr id="2" name="Picture Placeholder 15">
            <a:extLst>
              <a:ext uri="{FF2B5EF4-FFF2-40B4-BE49-F238E27FC236}">
                <a16:creationId xmlns:a16="http://schemas.microsoft.com/office/drawing/2014/main" id="{2B49A7F9-AB5D-F6A0-140B-DC56F15DA64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4638967" y="2473037"/>
            <a:ext cx="4073235" cy="188421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/>
              <a:t>Click here to insert image via Templafy Images</a:t>
            </a:r>
            <a:endParaRPr lang="da-DK" dirty="0"/>
          </a:p>
        </p:txBody>
      </p:sp>
      <p:sp>
        <p:nvSpPr>
          <p:cNvPr id="5" name="Picture Placeholder 15">
            <a:extLst>
              <a:ext uri="{FF2B5EF4-FFF2-40B4-BE49-F238E27FC236}">
                <a16:creationId xmlns:a16="http://schemas.microsoft.com/office/drawing/2014/main" id="{0C3C74C0-FF5B-3772-2F34-303E81977093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769930" y="2473037"/>
            <a:ext cx="2835563" cy="188421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/>
              <a:t>Click here to insert image via Templafy Images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52714723"/>
      </p:ext>
    </p:extLst>
  </p:cSld>
  <p:clrMapOvr>
    <a:masterClrMapping/>
  </p:clrMapOvr>
  <p:hf hdr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D,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0EC43D7-EFE0-2343-FA7A-BBF24C06DDE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1771309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0EC43D7-EFE0-2343-FA7A-BBF24C06DDE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5" name="Picture 4">
            <a:extLst>
              <a:ext uri="{FF2B5EF4-FFF2-40B4-BE49-F238E27FC236}">
                <a16:creationId xmlns:a16="http://schemas.microsoft.com/office/drawing/2014/main" id="{CBF60633-324E-44A8-9D97-FA602AA6E7C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7" y="0"/>
            <a:ext cx="12187065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760000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760000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pic>
        <p:nvPicPr>
          <p:cNvPr id="21" name="Logo white">
            <a:extLst>
              <a:ext uri="{FF2B5EF4-FFF2-40B4-BE49-F238E27FC236}">
                <a16:creationId xmlns:a16="http://schemas.microsoft.com/office/drawing/2014/main" id="{F4DF522B-BBA5-4E3A-87AF-0B7B9E2EF236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58649" y="5645236"/>
            <a:ext cx="2653914" cy="800872"/>
          </a:xfrm>
          <a:prstGeom prst="rect">
            <a:avLst/>
          </a:prstGeom>
        </p:spPr>
      </p:pic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52024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0AAF6E80-2AE8-509F-782D-1B0F8EEF1FA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36903439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AAF6E80-2AE8-509F-782D-1B0F8EEF1FA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Subtitle 2">
            <a:extLst>
              <a:ext uri="{FF2B5EF4-FFF2-40B4-BE49-F238E27FC236}">
                <a16:creationId xmlns:a16="http://schemas.microsoft.com/office/drawing/2014/main" id="{84705215-85BF-4037-8F1F-60423D1500F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77216" y="240213"/>
            <a:ext cx="10727999" cy="360001"/>
          </a:xfrm>
        </p:spPr>
        <p:txBody>
          <a:bodyPr lIns="7200" rIns="7200" anchor="b" anchorCtr="0"/>
          <a:lstStyle>
            <a:lvl1pPr marL="0" indent="0" algn="l" rtl="0">
              <a:spcBef>
                <a:spcPts val="0"/>
              </a:spcBef>
              <a:buFont typeface="Arial" panose="020B0604020202020204" pitchFamily="34" charset="0"/>
              <a:buChar char="​"/>
              <a:defRPr sz="1400" b="1">
                <a:solidFill>
                  <a:schemeClr val="tx1"/>
                </a:solidFill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Click to add subtitle in one line. Can be used if title is one line as well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>
            <a:lvl1pPr rtl="0">
              <a:defRPr/>
            </a:lvl1pPr>
          </a:lstStyle>
          <a:p>
            <a:r>
              <a:rPr lang="da-DK" dirty="0"/>
              <a:t>Click to add title in max two lines, if two lines, delete subtitle</a:t>
            </a:r>
            <a:endParaRPr lang="da-DK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F4E4B8A-738A-49D8-82C2-F98D597CC4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804832D-E38B-4FF8-910F-63F742D91F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13C99DE-E8E7-470D-B715-106F7920B1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rtl="0">
              <a:defRPr/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E1F4E1CA-F7A5-46BD-8840-7FDE4E1671E9}"/>
              </a:ext>
            </a:extLst>
          </p:cNvPr>
          <p:cNvCxnSpPr>
            <a:cxnSpLocks/>
          </p:cNvCxnSpPr>
          <p:nvPr userDrawn="1"/>
        </p:nvCxnSpPr>
        <p:spPr>
          <a:xfrm>
            <a:off x="574674" y="1207052"/>
            <a:ext cx="10728000" cy="0"/>
          </a:xfrm>
          <a:prstGeom prst="line">
            <a:avLst/>
          </a:prstGeom>
          <a:ln w="5080">
            <a:solidFill>
              <a:srgbClr val="D1D3D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FCFC550F-0103-DA63-F8B7-B2F5746B656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5095147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CFC550F-0103-DA63-F8B7-B2F5746B656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43040" y="1215574"/>
            <a:ext cx="2786833" cy="421653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corporate picture from Templafy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blue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utto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 the dropdown, click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en-GB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click the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 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utto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n the Templafy </a:t>
            </a:r>
            <a:br>
              <a:rPr lang="en-GB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ne on the right side of the scre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da-DK" altLang="da-DK" sz="900" b="0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icture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he icon and choos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.</a:t>
            </a:r>
            <a:endParaRPr lang="da-DK"/>
          </a:p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 picture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change size or 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cus of the picture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want to scale the picture, 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 down while 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delete the picture and 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a new one, the picture may 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e in front of the text or graphic.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ight-click and choos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nd to Back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10404055" y="1483655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92302" y="1215574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>
                <a:latin typeface="Arial" panose="020B0604020202020204" pitchFamily="34" charset="0"/>
                <a:cs typeface="Arial" panose="020B0604020202020204" pitchFamily="34" charset="0"/>
              </a:rPr>
              <a:t>Text styles</a:t>
            </a:r>
            <a:endParaRPr lang="da-DK" altLang="da-DK" sz="16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h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jump through levels. Click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then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switch from one level to the next level.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go back in levels use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-TAB.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ely,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crease</a:t>
            </a:r>
            <a:r>
              <a:rPr 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r>
              <a:rPr 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crease</a:t>
            </a:r>
            <a:br>
              <a:rPr lang="en-GB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st level can be used.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endParaRPr lang="da-DK" sz="900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bullet butto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bullet button to reaply the correct bullet agai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1600" b="1" dirty="0"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  <a:br>
              <a:rPr lang="en-GB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en-GB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menu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ew Slid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 th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to insert a new slide.</a:t>
            </a: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layou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Click on the arrow next to </a:t>
            </a: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lang="da-DK" sz="900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to view a dropdown menu of possible slide layouts.</a:t>
            </a:r>
            <a:br>
              <a:rPr lang="en-GB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en-GB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enu to reset position, size</a:t>
            </a:r>
            <a: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formatting of the </a:t>
            </a:r>
            <a:br>
              <a:rPr lang="en-GB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 placeholders to their default settings.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849121" y="2924778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849662" y="2201595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l="3901" t="45142" r="62601" b="9046"/>
          <a:stretch/>
        </p:blipFill>
        <p:spPr>
          <a:xfrm>
            <a:off x="10404055" y="2726384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2855543" y="3915330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855543" y="5243483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460076" y="3536124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085407" y="1215574"/>
            <a:ext cx="2358243" cy="475514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o this at the very end to apply the changes on all slides.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 th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(write the desired text).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 to All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f only used on one slide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>
                <a:latin typeface="Arial" panose="020B0604020202020204" pitchFamily="34" charset="0"/>
                <a:cs typeface="Arial" panose="020B0604020202020204" pitchFamily="34" charset="0"/>
              </a:rPr>
              <a:t>Gridlines</a:t>
            </a:r>
            <a:endParaRPr lang="da-DK" sz="16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and set tick mark next to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.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quick view of guides.</a:t>
            </a:r>
            <a:endParaRPr lang="da-DK"/>
          </a:p>
          <a:p>
            <a:pPr rtl="0"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>
                <a:latin typeface="Arial" panose="020B0604020202020204" pitchFamily="34" charset="0"/>
                <a:cs typeface="Arial" panose="020B0604020202020204" pitchFamily="34" charset="0"/>
              </a:rPr>
              <a:t>Slides and slide elements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rom the dropdown menu or from the buttons in the Templafy pane on the right side of the screen. 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his is also where you’ll Find the new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alck icons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. For guidance on how to use our new icons, go to our brand guidelines in the Falck Brand Portal.</a:t>
            </a:r>
            <a:endParaRPr lang="da-DK"/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574675" y="312083"/>
            <a:ext cx="11074398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rtl="0"/>
            <a:r>
              <a:rPr 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 and tricks – your user guide</a:t>
            </a:r>
            <a:endParaRPr lang="da-DK"/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37752" y="424340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4"/>
          <a:stretch>
            <a:fillRect/>
          </a:stretch>
        </p:blipFill>
        <p:spPr>
          <a:xfrm>
            <a:off x="2855542" y="4678942"/>
            <a:ext cx="475428" cy="176762"/>
          </a:xfrm>
          <a:prstGeom prst="rect">
            <a:avLst/>
          </a:prstGeom>
        </p:spPr>
      </p:pic>
      <p:sp>
        <p:nvSpPr>
          <p:cNvPr id="17" name="Date Placeholder 2">
            <a:extLst>
              <a:ext uri="{FF2B5EF4-FFF2-40B4-BE49-F238E27FC236}">
                <a16:creationId xmlns:a16="http://schemas.microsoft.com/office/drawing/2014/main" id="{D355E5A9-A789-447E-83E7-9F167F2E41B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 rtl="0"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Footer Placeholder 3">
            <a:extLst>
              <a:ext uri="{FF2B5EF4-FFF2-40B4-BE49-F238E27FC236}">
                <a16:creationId xmlns:a16="http://schemas.microsoft.com/office/drawing/2014/main" id="{E598E2B2-BC68-46C6-BFC0-A749474A541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 rtl="0"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Slide Number Placeholder 4">
            <a:extLst>
              <a:ext uri="{FF2B5EF4-FFF2-40B4-BE49-F238E27FC236}">
                <a16:creationId xmlns:a16="http://schemas.microsoft.com/office/drawing/2014/main" id="{3ECE9A96-886A-4574-8BCF-07A9134A54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 rtl="0"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98CA2E21-8E36-C137-3BC2-B1713FB916C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75728794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8CA2E21-8E36-C137-3BC2-B1713FB916C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rtl="0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rtl="0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If you see any </a:t>
            </a:r>
            <a:r>
              <a:rPr lang="da-DK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da-DK" sz="4400" b="0" i="0" noProof="0" dirty="0">
                <a:solidFill>
                  <a:schemeClr val="bg1"/>
                </a:solidFill>
              </a:rPr>
              <a:t>one</a:t>
            </a:r>
            <a:r>
              <a:rPr lang="da-DK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da-DK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 rtl="0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 rtl="0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rtl="0"/>
            <a:r>
              <a:rPr lang="da-DK" sz="13800" b="1" i="1" noProof="0" dirty="0">
                <a:solidFill>
                  <a:schemeClr val="bg1"/>
                </a:solidFill>
              </a:rPr>
              <a:t>Do not use </a:t>
            </a:r>
            <a:endParaRPr lang="da-DK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rtl="0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da-DK"/>
          </a:p>
          <a:p>
            <a:pPr marL="0" marR="0" indent="0" algn="ctr" rtl="0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 rtl="0"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 rtl="0"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 rtl="0"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A, dark red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625AC969-E52A-19F3-046F-5708D86EB45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09088111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25AC969-E52A-19F3-046F-5708D86EB45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11612563" cy="5327650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760000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760000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9" name="Logo white">
            <a:extLst>
              <a:ext uri="{FF2B5EF4-FFF2-40B4-BE49-F238E27FC236}">
                <a16:creationId xmlns:a16="http://schemas.microsoft.com/office/drawing/2014/main" id="{5EA349C7-691C-E943-9E5D-D9E3A0DAAD1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958652" y="5645236"/>
            <a:ext cx="2653908" cy="8008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33169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B, dark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37A4D84-D2EF-A5BE-1BAD-B27904CA8D1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85153561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37A4D84-D2EF-A5BE-1BAD-B27904CA8D1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255476" y="836612"/>
            <a:ext cx="7936524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760000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760000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4" name="Floating Logo">
            <a:extLst>
              <a:ext uri="{FF2B5EF4-FFF2-40B4-BE49-F238E27FC236}">
                <a16:creationId xmlns:a16="http://schemas.microsoft.com/office/drawing/2014/main" id="{321731FD-9951-48FF-A534-6BC629151AA9}"/>
              </a:ext>
            </a:extLst>
          </p:cNvPr>
          <p:cNvSpPr>
            <a:spLocks noGrp="1" noChangeAspect="1"/>
          </p:cNvSpPr>
          <p:nvPr>
            <p:ph type="body" sz="quarter" idx="27"/>
          </p:nvPr>
        </p:nvSpPr>
        <p:spPr>
          <a:xfrm>
            <a:off x="8960400" y="5644800"/>
            <a:ext cx="2653200" cy="8028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rtl="0">
              <a:defRPr sz="100">
                <a:noFill/>
              </a:defRPr>
            </a:lvl1pPr>
            <a:lvl2pPr rtl="0">
              <a:defRPr sz="100">
                <a:noFill/>
              </a:defRPr>
            </a:lvl2pPr>
            <a:lvl3pPr rtl="0">
              <a:defRPr sz="100">
                <a:noFill/>
              </a:defRPr>
            </a:lvl3pPr>
            <a:lvl4pPr rtl="0">
              <a:defRPr sz="100">
                <a:noFill/>
              </a:defRPr>
            </a:lvl4pPr>
            <a:lvl5pPr rtl="0">
              <a:defRPr sz="100">
                <a:noFill/>
              </a:defRPr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75621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, dark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4DE2D5F-7A51-027E-5D15-3B966C64DD4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7209684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4DE2D5F-7A51-027E-5D15-3B966C64DD4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96000" y="836612"/>
            <a:ext cx="6096000" cy="6021388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158800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158800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4" name="Floating Logo">
            <a:extLst>
              <a:ext uri="{FF2B5EF4-FFF2-40B4-BE49-F238E27FC236}">
                <a16:creationId xmlns:a16="http://schemas.microsoft.com/office/drawing/2014/main" id="{321731FD-9951-48FF-A534-6BC629151AA9}"/>
              </a:ext>
            </a:extLst>
          </p:cNvPr>
          <p:cNvSpPr>
            <a:spLocks noGrp="1" noChangeAspect="1"/>
          </p:cNvSpPr>
          <p:nvPr>
            <p:ph type="body" sz="quarter" idx="27"/>
          </p:nvPr>
        </p:nvSpPr>
        <p:spPr>
          <a:xfrm>
            <a:off x="8960400" y="5644800"/>
            <a:ext cx="2653200" cy="802800"/>
          </a:xfrm>
          <a:custGeom>
            <a:avLst/>
            <a:gdLst>
              <a:gd name="connsiteX0" fmla="*/ 4574734 w 26239788"/>
              <a:gd name="connsiteY0" fmla="*/ 6317137 h 7884000"/>
              <a:gd name="connsiteX1" fmla="*/ 5762147 w 26239788"/>
              <a:gd name="connsiteY1" fmla="*/ 7443208 h 7884000"/>
              <a:gd name="connsiteX2" fmla="*/ 5853119 w 26239788"/>
              <a:gd name="connsiteY2" fmla="*/ 7491126 h 7884000"/>
              <a:gd name="connsiteX3" fmla="*/ 5494018 w 26239788"/>
              <a:gd name="connsiteY3" fmla="*/ 7610920 h 7884000"/>
              <a:gd name="connsiteX4" fmla="*/ 4723159 w 26239788"/>
              <a:gd name="connsiteY4" fmla="*/ 7198827 h 7884000"/>
              <a:gd name="connsiteX5" fmla="*/ 4359276 w 26239788"/>
              <a:gd name="connsiteY5" fmla="*/ 6753190 h 7884000"/>
              <a:gd name="connsiteX6" fmla="*/ 4574734 w 26239788"/>
              <a:gd name="connsiteY6" fmla="*/ 6317137 h 7884000"/>
              <a:gd name="connsiteX7" fmla="*/ 3416931 w 26239788"/>
              <a:gd name="connsiteY7" fmla="*/ 5793262 h 7884000"/>
              <a:gd name="connsiteX8" fmla="*/ 3474363 w 26239788"/>
              <a:gd name="connsiteY8" fmla="*/ 6383175 h 7884000"/>
              <a:gd name="connsiteX9" fmla="*/ 3613150 w 26239788"/>
              <a:gd name="connsiteY9" fmla="*/ 6929923 h 7884000"/>
              <a:gd name="connsiteX10" fmla="*/ 2990990 w 26239788"/>
              <a:gd name="connsiteY10" fmla="*/ 6661345 h 7884000"/>
              <a:gd name="connsiteX11" fmla="*/ 2876130 w 26239788"/>
              <a:gd name="connsiteY11" fmla="*/ 6090616 h 7884000"/>
              <a:gd name="connsiteX12" fmla="*/ 1895032 w 26239788"/>
              <a:gd name="connsiteY12" fmla="*/ 6752470 h 7884000"/>
              <a:gd name="connsiteX13" fmla="*/ 1009650 w 26239788"/>
              <a:gd name="connsiteY13" fmla="*/ 6714102 h 7884000"/>
              <a:gd name="connsiteX14" fmla="*/ 1990748 w 26239788"/>
              <a:gd name="connsiteY14" fmla="*/ 6090616 h 7884000"/>
              <a:gd name="connsiteX15" fmla="*/ 3416931 w 26239788"/>
              <a:gd name="connsiteY15" fmla="*/ 5793262 h 7884000"/>
              <a:gd name="connsiteX16" fmla="*/ 5686315 w 26239788"/>
              <a:gd name="connsiteY16" fmla="*/ 5216812 h 7884000"/>
              <a:gd name="connsiteX17" fmla="*/ 5963538 w 26239788"/>
              <a:gd name="connsiteY17" fmla="*/ 5237488 h 7884000"/>
              <a:gd name="connsiteX18" fmla="*/ 6198059 w 26239788"/>
              <a:gd name="connsiteY18" fmla="*/ 5496386 h 7884000"/>
              <a:gd name="connsiteX19" fmla="*/ 4829219 w 26239788"/>
              <a:gd name="connsiteY19" fmla="*/ 5760078 h 7884000"/>
              <a:gd name="connsiteX20" fmla="*/ 4168731 w 26239788"/>
              <a:gd name="connsiteY20" fmla="*/ 6766904 h 7884000"/>
              <a:gd name="connsiteX21" fmla="*/ 5030237 w 26239788"/>
              <a:gd name="connsiteY21" fmla="*/ 7826467 h 7884000"/>
              <a:gd name="connsiteX22" fmla="*/ 4776572 w 26239788"/>
              <a:gd name="connsiteY22" fmla="*/ 7884000 h 7884000"/>
              <a:gd name="connsiteX23" fmla="*/ 4264456 w 26239788"/>
              <a:gd name="connsiteY23" fmla="*/ 7697018 h 7884000"/>
              <a:gd name="connsiteX24" fmla="*/ 3714049 w 26239788"/>
              <a:gd name="connsiteY24" fmla="*/ 6915530 h 7884000"/>
              <a:gd name="connsiteX25" fmla="*/ 4632988 w 26239788"/>
              <a:gd name="connsiteY25" fmla="*/ 5381320 h 7884000"/>
              <a:gd name="connsiteX26" fmla="*/ 5686315 w 26239788"/>
              <a:gd name="connsiteY26" fmla="*/ 5216812 h 7884000"/>
              <a:gd name="connsiteX27" fmla="*/ 2781239 w 26239788"/>
              <a:gd name="connsiteY27" fmla="*/ 4278787 h 7884000"/>
              <a:gd name="connsiteX28" fmla="*/ 3121027 w 26239788"/>
              <a:gd name="connsiteY28" fmla="*/ 4633609 h 7884000"/>
              <a:gd name="connsiteX29" fmla="*/ 2623310 w 26239788"/>
              <a:gd name="connsiteY29" fmla="*/ 4839790 h 7884000"/>
              <a:gd name="connsiteX30" fmla="*/ 1814516 w 26239788"/>
              <a:gd name="connsiteY30" fmla="*/ 4537711 h 7884000"/>
              <a:gd name="connsiteX31" fmla="*/ 2781239 w 26239788"/>
              <a:gd name="connsiteY31" fmla="*/ 4278787 h 7884000"/>
              <a:gd name="connsiteX32" fmla="*/ 2392746 w 26239788"/>
              <a:gd name="connsiteY32" fmla="*/ 3742213 h 7884000"/>
              <a:gd name="connsiteX33" fmla="*/ 2674940 w 26239788"/>
              <a:gd name="connsiteY33" fmla="*/ 4149100 h 7884000"/>
              <a:gd name="connsiteX34" fmla="*/ 1938370 w 26239788"/>
              <a:gd name="connsiteY34" fmla="*/ 4287921 h 7884000"/>
              <a:gd name="connsiteX35" fmla="*/ 1187452 w 26239788"/>
              <a:gd name="connsiteY35" fmla="*/ 3828377 h 7884000"/>
              <a:gd name="connsiteX36" fmla="*/ 13777914 w 26239788"/>
              <a:gd name="connsiteY36" fmla="*/ 3459639 h 7884000"/>
              <a:gd name="connsiteX37" fmla="*/ 13361990 w 26239788"/>
              <a:gd name="connsiteY37" fmla="*/ 4599463 h 7884000"/>
              <a:gd name="connsiteX38" fmla="*/ 14198601 w 26239788"/>
              <a:gd name="connsiteY38" fmla="*/ 4599463 h 7884000"/>
              <a:gd name="connsiteX39" fmla="*/ 731838 w 26239788"/>
              <a:gd name="connsiteY39" fmla="*/ 2994501 h 7884000"/>
              <a:gd name="connsiteX40" fmla="*/ 2096007 w 26239788"/>
              <a:gd name="connsiteY40" fmla="*/ 3138127 h 7884000"/>
              <a:gd name="connsiteX41" fmla="*/ 2311402 w 26239788"/>
              <a:gd name="connsiteY41" fmla="*/ 3597727 h 7884000"/>
              <a:gd name="connsiteX42" fmla="*/ 1344518 w 26239788"/>
              <a:gd name="connsiteY42" fmla="*/ 3597727 h 7884000"/>
              <a:gd name="connsiteX43" fmla="*/ 731838 w 26239788"/>
              <a:gd name="connsiteY43" fmla="*/ 2994501 h 7884000"/>
              <a:gd name="connsiteX44" fmla="*/ 4044506 w 26239788"/>
              <a:gd name="connsiteY44" fmla="*/ 2629376 h 7884000"/>
              <a:gd name="connsiteX45" fmla="*/ 4470401 w 26239788"/>
              <a:gd name="connsiteY45" fmla="*/ 3315285 h 7884000"/>
              <a:gd name="connsiteX46" fmla="*/ 4288558 w 26239788"/>
              <a:gd name="connsiteY46" fmla="*/ 3746976 h 7884000"/>
              <a:gd name="connsiteX47" fmla="*/ 4020580 w 26239788"/>
              <a:gd name="connsiteY47" fmla="*/ 3420809 h 7884000"/>
              <a:gd name="connsiteX48" fmla="*/ 4044506 w 26239788"/>
              <a:gd name="connsiteY48" fmla="*/ 2629376 h 7884000"/>
              <a:gd name="connsiteX49" fmla="*/ 22659976 w 26239788"/>
              <a:gd name="connsiteY49" fmla="*/ 2351564 h 7884000"/>
              <a:gd name="connsiteX50" fmla="*/ 23788688 w 26239788"/>
              <a:gd name="connsiteY50" fmla="*/ 2351564 h 7884000"/>
              <a:gd name="connsiteX51" fmla="*/ 23788688 w 26239788"/>
              <a:gd name="connsiteY51" fmla="*/ 3704113 h 7884000"/>
              <a:gd name="connsiteX52" fmla="*/ 24028400 w 26239788"/>
              <a:gd name="connsiteY52" fmla="*/ 3704113 h 7884000"/>
              <a:gd name="connsiteX53" fmla="*/ 24814212 w 26239788"/>
              <a:gd name="connsiteY53" fmla="*/ 2351564 h 7884000"/>
              <a:gd name="connsiteX54" fmla="*/ 26192164 w 26239788"/>
              <a:gd name="connsiteY54" fmla="*/ 2351564 h 7884000"/>
              <a:gd name="connsiteX55" fmla="*/ 24990424 w 26239788"/>
              <a:gd name="connsiteY55" fmla="*/ 4164487 h 7884000"/>
              <a:gd name="connsiteX56" fmla="*/ 24985664 w 26239788"/>
              <a:gd name="connsiteY56" fmla="*/ 4174012 h 7884000"/>
              <a:gd name="connsiteX57" fmla="*/ 26239788 w 26239788"/>
              <a:gd name="connsiteY57" fmla="*/ 6071075 h 7884000"/>
              <a:gd name="connsiteX58" fmla="*/ 24857076 w 26239788"/>
              <a:gd name="connsiteY58" fmla="*/ 6071075 h 7884000"/>
              <a:gd name="connsiteX59" fmla="*/ 24047450 w 26239788"/>
              <a:gd name="connsiteY59" fmla="*/ 4720112 h 7884000"/>
              <a:gd name="connsiteX60" fmla="*/ 24042688 w 26239788"/>
              <a:gd name="connsiteY60" fmla="*/ 4715350 h 7884000"/>
              <a:gd name="connsiteX61" fmla="*/ 23788688 w 26239788"/>
              <a:gd name="connsiteY61" fmla="*/ 4715350 h 7884000"/>
              <a:gd name="connsiteX62" fmla="*/ 23788688 w 26239788"/>
              <a:gd name="connsiteY62" fmla="*/ 6071075 h 7884000"/>
              <a:gd name="connsiteX63" fmla="*/ 22659976 w 26239788"/>
              <a:gd name="connsiteY63" fmla="*/ 6071075 h 7884000"/>
              <a:gd name="connsiteX64" fmla="*/ 16084550 w 26239788"/>
              <a:gd name="connsiteY64" fmla="*/ 2351564 h 7884000"/>
              <a:gd name="connsiteX65" fmla="*/ 17213264 w 26239788"/>
              <a:gd name="connsiteY65" fmla="*/ 2351564 h 7884000"/>
              <a:gd name="connsiteX66" fmla="*/ 17213264 w 26239788"/>
              <a:gd name="connsiteY66" fmla="*/ 5040787 h 7884000"/>
              <a:gd name="connsiteX67" fmla="*/ 18903950 w 26239788"/>
              <a:gd name="connsiteY67" fmla="*/ 5040787 h 7884000"/>
              <a:gd name="connsiteX68" fmla="*/ 18519776 w 26239788"/>
              <a:gd name="connsiteY68" fmla="*/ 6071075 h 7884000"/>
              <a:gd name="connsiteX69" fmla="*/ 16084550 w 26239788"/>
              <a:gd name="connsiteY69" fmla="*/ 6071075 h 7884000"/>
              <a:gd name="connsiteX70" fmla="*/ 13136568 w 26239788"/>
              <a:gd name="connsiteY70" fmla="*/ 2351564 h 7884000"/>
              <a:gd name="connsiteX71" fmla="*/ 14433552 w 26239788"/>
              <a:gd name="connsiteY71" fmla="*/ 2351564 h 7884000"/>
              <a:gd name="connsiteX72" fmla="*/ 15840076 w 26239788"/>
              <a:gd name="connsiteY72" fmla="*/ 6071075 h 7884000"/>
              <a:gd name="connsiteX73" fmla="*/ 14649452 w 26239788"/>
              <a:gd name="connsiteY73" fmla="*/ 6071075 h 7884000"/>
              <a:gd name="connsiteX74" fmla="*/ 14428789 w 26239788"/>
              <a:gd name="connsiteY74" fmla="*/ 5420200 h 7884000"/>
              <a:gd name="connsiteX75" fmla="*/ 13131805 w 26239788"/>
              <a:gd name="connsiteY75" fmla="*/ 5420200 h 7884000"/>
              <a:gd name="connsiteX76" fmla="*/ 12911145 w 26239788"/>
              <a:gd name="connsiteY76" fmla="*/ 6071075 h 7884000"/>
              <a:gd name="connsiteX77" fmla="*/ 11730043 w 26239788"/>
              <a:gd name="connsiteY77" fmla="*/ 6071075 h 7884000"/>
              <a:gd name="connsiteX78" fmla="*/ 9183694 w 26239788"/>
              <a:gd name="connsiteY78" fmla="*/ 2351564 h 7884000"/>
              <a:gd name="connsiteX79" fmla="*/ 12160258 w 26239788"/>
              <a:gd name="connsiteY79" fmla="*/ 2351564 h 7884000"/>
              <a:gd name="connsiteX80" fmla="*/ 12160258 w 26239788"/>
              <a:gd name="connsiteY80" fmla="*/ 3338989 h 7884000"/>
              <a:gd name="connsiteX81" fmla="*/ 10312406 w 26239788"/>
              <a:gd name="connsiteY81" fmla="*/ 3338989 h 7884000"/>
              <a:gd name="connsiteX82" fmla="*/ 10312406 w 26239788"/>
              <a:gd name="connsiteY82" fmla="*/ 3894613 h 7884000"/>
              <a:gd name="connsiteX83" fmla="*/ 12074532 w 26239788"/>
              <a:gd name="connsiteY83" fmla="*/ 3894613 h 7884000"/>
              <a:gd name="connsiteX84" fmla="*/ 11715757 w 26239788"/>
              <a:gd name="connsiteY84" fmla="*/ 4820125 h 7884000"/>
              <a:gd name="connsiteX85" fmla="*/ 10312406 w 26239788"/>
              <a:gd name="connsiteY85" fmla="*/ 4820125 h 7884000"/>
              <a:gd name="connsiteX86" fmla="*/ 10312406 w 26239788"/>
              <a:gd name="connsiteY86" fmla="*/ 6071075 h 7884000"/>
              <a:gd name="connsiteX87" fmla="*/ 9183694 w 26239788"/>
              <a:gd name="connsiteY87" fmla="*/ 6071075 h 7884000"/>
              <a:gd name="connsiteX88" fmla="*/ 20683330 w 26239788"/>
              <a:gd name="connsiteY88" fmla="*/ 2284889 h 7884000"/>
              <a:gd name="connsiteX89" fmla="*/ 22377378 w 26239788"/>
              <a:gd name="connsiteY89" fmla="*/ 3282052 h 7884000"/>
              <a:gd name="connsiteX90" fmla="*/ 21401148 w 26239788"/>
              <a:gd name="connsiteY90" fmla="*/ 3799809 h 7884000"/>
              <a:gd name="connsiteX91" fmla="*/ 20688116 w 26239788"/>
              <a:gd name="connsiteY91" fmla="*/ 3363551 h 7884000"/>
              <a:gd name="connsiteX92" fmla="*/ 19917658 w 26239788"/>
              <a:gd name="connsiteY92" fmla="*/ 4212097 h 7884000"/>
              <a:gd name="connsiteX93" fmla="*/ 20692900 w 26239788"/>
              <a:gd name="connsiteY93" fmla="*/ 5060644 h 7884000"/>
              <a:gd name="connsiteX94" fmla="*/ 21429860 w 26239788"/>
              <a:gd name="connsiteY94" fmla="*/ 4629179 h 7884000"/>
              <a:gd name="connsiteX95" fmla="*/ 22382164 w 26239788"/>
              <a:gd name="connsiteY95" fmla="*/ 5214054 h 7884000"/>
              <a:gd name="connsiteX96" fmla="*/ 20683330 w 26239788"/>
              <a:gd name="connsiteY96" fmla="*/ 6144100 h 7884000"/>
              <a:gd name="connsiteX97" fmla="*/ 18740438 w 26239788"/>
              <a:gd name="connsiteY97" fmla="*/ 4212097 h 7884000"/>
              <a:gd name="connsiteX98" fmla="*/ 20683330 w 26239788"/>
              <a:gd name="connsiteY98" fmla="*/ 2284889 h 7884000"/>
              <a:gd name="connsiteX99" fmla="*/ 482601 w 26239788"/>
              <a:gd name="connsiteY99" fmla="*/ 2035651 h 7884000"/>
              <a:gd name="connsiteX100" fmla="*/ 1894743 w 26239788"/>
              <a:gd name="connsiteY100" fmla="*/ 2481546 h 7884000"/>
              <a:gd name="connsiteX101" fmla="*/ 2038350 w 26239788"/>
              <a:gd name="connsiteY101" fmla="*/ 2984976 h 7884000"/>
              <a:gd name="connsiteX102" fmla="*/ 999589 w 26239788"/>
              <a:gd name="connsiteY102" fmla="*/ 2788399 h 7884000"/>
              <a:gd name="connsiteX103" fmla="*/ 482601 w 26239788"/>
              <a:gd name="connsiteY103" fmla="*/ 2035651 h 7884000"/>
              <a:gd name="connsiteX104" fmla="*/ 4445702 w 26239788"/>
              <a:gd name="connsiteY104" fmla="*/ 1843563 h 7884000"/>
              <a:gd name="connsiteX105" fmla="*/ 4824414 w 26239788"/>
              <a:gd name="connsiteY105" fmla="*/ 2768256 h 7884000"/>
              <a:gd name="connsiteX106" fmla="*/ 4546374 w 26239788"/>
              <a:gd name="connsiteY106" fmla="*/ 3170713 h 7884000"/>
              <a:gd name="connsiteX107" fmla="*/ 4287503 w 26239788"/>
              <a:gd name="connsiteY107" fmla="*/ 2658059 h 7884000"/>
              <a:gd name="connsiteX108" fmla="*/ 4445702 w 26239788"/>
              <a:gd name="connsiteY108" fmla="*/ 1843563 h 7884000"/>
              <a:gd name="connsiteX109" fmla="*/ 5063125 w 26239788"/>
              <a:gd name="connsiteY109" fmla="*/ 1105376 h 7884000"/>
              <a:gd name="connsiteX110" fmla="*/ 5283201 w 26239788"/>
              <a:gd name="connsiteY110" fmla="*/ 2308165 h 7884000"/>
              <a:gd name="connsiteX111" fmla="*/ 4919597 w 26239788"/>
              <a:gd name="connsiteY111" fmla="*/ 2653189 h 7884000"/>
              <a:gd name="connsiteX112" fmla="*/ 4699523 w 26239788"/>
              <a:gd name="connsiteY112" fmla="*/ 1891262 h 7884000"/>
              <a:gd name="connsiteX113" fmla="*/ 5063125 w 26239788"/>
              <a:gd name="connsiteY113" fmla="*/ 1105376 h 7884000"/>
              <a:gd name="connsiteX114" fmla="*/ 483279 w 26239788"/>
              <a:gd name="connsiteY114" fmla="*/ 946625 h 7884000"/>
              <a:gd name="connsiteX115" fmla="*/ 1814238 w 26239788"/>
              <a:gd name="connsiteY115" fmla="*/ 1781056 h 7884000"/>
              <a:gd name="connsiteX116" fmla="*/ 1866902 w 26239788"/>
              <a:gd name="connsiteY116" fmla="*/ 2327751 h 7884000"/>
              <a:gd name="connsiteX117" fmla="*/ 780111 w 26239788"/>
              <a:gd name="connsiteY117" fmla="*/ 1843398 h 7884000"/>
              <a:gd name="connsiteX118" fmla="*/ 483279 w 26239788"/>
              <a:gd name="connsiteY118" fmla="*/ 946625 h 7884000"/>
              <a:gd name="connsiteX119" fmla="*/ 5891216 w 26239788"/>
              <a:gd name="connsiteY119" fmla="*/ 500537 h 7884000"/>
              <a:gd name="connsiteX120" fmla="*/ 5848121 w 26239788"/>
              <a:gd name="connsiteY120" fmla="*/ 1948240 h 7884000"/>
              <a:gd name="connsiteX121" fmla="*/ 5412382 w 26239788"/>
              <a:gd name="connsiteY121" fmla="*/ 2207100 h 7884000"/>
              <a:gd name="connsiteX122" fmla="*/ 5326193 w 26239788"/>
              <a:gd name="connsiteY122" fmla="*/ 1190832 h 7884000"/>
              <a:gd name="connsiteX123" fmla="*/ 5891216 w 26239788"/>
              <a:gd name="connsiteY123" fmla="*/ 500537 h 7884000"/>
              <a:gd name="connsiteX124" fmla="*/ 6938966 w 26239788"/>
              <a:gd name="connsiteY124" fmla="*/ 103662 h 7884000"/>
              <a:gd name="connsiteX125" fmla="*/ 6441152 w 26239788"/>
              <a:gd name="connsiteY125" fmla="*/ 1723539 h 7884000"/>
              <a:gd name="connsiteX126" fmla="*/ 5995991 w 26239788"/>
              <a:gd name="connsiteY126" fmla="*/ 1876900 h 7884000"/>
              <a:gd name="connsiteX127" fmla="*/ 6187458 w 26239788"/>
              <a:gd name="connsiteY127" fmla="*/ 606879 h 7884000"/>
              <a:gd name="connsiteX128" fmla="*/ 6938966 w 26239788"/>
              <a:gd name="connsiteY128" fmla="*/ 103662 h 7884000"/>
              <a:gd name="connsiteX129" fmla="*/ 717922 w 26239788"/>
              <a:gd name="connsiteY129" fmla="*/ 11587 h 7884000"/>
              <a:gd name="connsiteX130" fmla="*/ 3422094 w 26239788"/>
              <a:gd name="connsiteY130" fmla="*/ 2288929 h 7884000"/>
              <a:gd name="connsiteX131" fmla="*/ 4470259 w 26239788"/>
              <a:gd name="connsiteY131" fmla="*/ 4173130 h 7884000"/>
              <a:gd name="connsiteX132" fmla="*/ 6303354 w 26239788"/>
              <a:gd name="connsiteY132" fmla="*/ 4590244 h 7884000"/>
              <a:gd name="connsiteX133" fmla="*/ 6360788 w 26239788"/>
              <a:gd name="connsiteY133" fmla="*/ 4825169 h 7884000"/>
              <a:gd name="connsiteX134" fmla="*/ 6360788 w 26239788"/>
              <a:gd name="connsiteY134" fmla="*/ 4829964 h 7884000"/>
              <a:gd name="connsiteX135" fmla="*/ 6724535 w 26239788"/>
              <a:gd name="connsiteY135" fmla="*/ 5242283 h 7884000"/>
              <a:gd name="connsiteX136" fmla="*/ 6403863 w 26239788"/>
              <a:gd name="connsiteY136" fmla="*/ 5827200 h 7884000"/>
              <a:gd name="connsiteX137" fmla="*/ 6198059 w 26239788"/>
              <a:gd name="connsiteY137" fmla="*/ 5496386 h 7884000"/>
              <a:gd name="connsiteX138" fmla="*/ 6336856 w 26239788"/>
              <a:gd name="connsiteY138" fmla="*/ 5285432 h 7884000"/>
              <a:gd name="connsiteX139" fmla="*/ 6178914 w 26239788"/>
              <a:gd name="connsiteY139" fmla="*/ 5064890 h 7884000"/>
              <a:gd name="connsiteX140" fmla="*/ 6030544 w 26239788"/>
              <a:gd name="connsiteY140" fmla="*/ 5040918 h 7884000"/>
              <a:gd name="connsiteX141" fmla="*/ 5867814 w 26239788"/>
              <a:gd name="connsiteY141" fmla="*/ 5112834 h 7884000"/>
              <a:gd name="connsiteX142" fmla="*/ 5652436 w 26239788"/>
              <a:gd name="connsiteY142" fmla="*/ 4839553 h 7884000"/>
              <a:gd name="connsiteX143" fmla="*/ 6040116 w 26239788"/>
              <a:gd name="connsiteY143" fmla="*/ 4921057 h 7884000"/>
              <a:gd name="connsiteX144" fmla="*/ 6020970 w 26239788"/>
              <a:gd name="connsiteY144" fmla="*/ 4849141 h 7884000"/>
              <a:gd name="connsiteX145" fmla="*/ 4637773 w 26239788"/>
              <a:gd name="connsiteY145" fmla="*/ 4542299 h 7884000"/>
              <a:gd name="connsiteX146" fmla="*/ 4039505 w 26239788"/>
              <a:gd name="connsiteY146" fmla="*/ 5314199 h 7884000"/>
              <a:gd name="connsiteX147" fmla="*/ 3551320 w 26239788"/>
              <a:gd name="connsiteY147" fmla="*/ 5036123 h 7884000"/>
              <a:gd name="connsiteX148" fmla="*/ 823218 w 26239788"/>
              <a:gd name="connsiteY148" fmla="*/ 6484034 h 7884000"/>
              <a:gd name="connsiteX149" fmla="*/ 0 w 26239788"/>
              <a:gd name="connsiteY149" fmla="*/ 6311435 h 7884000"/>
              <a:gd name="connsiteX150" fmla="*/ 3225861 w 26239788"/>
              <a:gd name="connsiteY150" fmla="*/ 4729281 h 7884000"/>
              <a:gd name="connsiteX151" fmla="*/ 3584822 w 26239788"/>
              <a:gd name="connsiteY151" fmla="*/ 5007357 h 7884000"/>
              <a:gd name="connsiteX152" fmla="*/ 4168731 w 26239788"/>
              <a:gd name="connsiteY152" fmla="*/ 4858730 h 7884000"/>
              <a:gd name="connsiteX153" fmla="*/ 3996430 w 26239788"/>
              <a:gd name="connsiteY153" fmla="*/ 4302579 h 7884000"/>
              <a:gd name="connsiteX154" fmla="*/ 3034416 w 26239788"/>
              <a:gd name="connsiteY154" fmla="*/ 2557416 h 7884000"/>
              <a:gd name="connsiteX155" fmla="*/ 760998 w 26239788"/>
              <a:gd name="connsiteY155" fmla="*/ 778692 h 7884000"/>
              <a:gd name="connsiteX156" fmla="*/ 717922 w 26239788"/>
              <a:gd name="connsiteY156" fmla="*/ 11587 h 7884000"/>
              <a:gd name="connsiteX157" fmla="*/ 7759585 w 26239788"/>
              <a:gd name="connsiteY157" fmla="*/ 0 h 7884000"/>
              <a:gd name="connsiteX158" fmla="*/ 7827074 w 26239788"/>
              <a:gd name="connsiteY158" fmla="*/ 0 h 7884000"/>
              <a:gd name="connsiteX159" fmla="*/ 7848090 w 26239788"/>
              <a:gd name="connsiteY159" fmla="*/ 621 h 7884000"/>
              <a:gd name="connsiteX160" fmla="*/ 7872420 w 26239788"/>
              <a:gd name="connsiteY160" fmla="*/ 2437 h 7884000"/>
              <a:gd name="connsiteX161" fmla="*/ 6479816 w 26239788"/>
              <a:gd name="connsiteY161" fmla="*/ 3123160 h 7884000"/>
              <a:gd name="connsiteX162" fmla="*/ 5331269 w 26239788"/>
              <a:gd name="connsiteY162" fmla="*/ 4086700 h 7884000"/>
              <a:gd name="connsiteX163" fmla="*/ 4910139 w 26239788"/>
              <a:gd name="connsiteY163" fmla="*/ 4043556 h 7884000"/>
              <a:gd name="connsiteX164" fmla="*/ 6154392 w 26239788"/>
              <a:gd name="connsiteY164" fmla="*/ 2778011 h 7884000"/>
              <a:gd name="connsiteX165" fmla="*/ 7173723 w 26239788"/>
              <a:gd name="connsiteY165" fmla="*/ 280474 h 7884000"/>
              <a:gd name="connsiteX166" fmla="*/ 7633059 w 26239788"/>
              <a:gd name="connsiteY166" fmla="*/ 7140 h 788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</a:cxnLst>
            <a:rect l="l" t="t" r="r" b="b"/>
            <a:pathLst>
              <a:path w="26239788" h="7884000">
                <a:moveTo>
                  <a:pt x="4574734" y="6317137"/>
                </a:moveTo>
                <a:cubicBezTo>
                  <a:pt x="4574734" y="6317137"/>
                  <a:pt x="4967345" y="7026322"/>
                  <a:pt x="5762147" y="7443208"/>
                </a:cubicBezTo>
                <a:cubicBezTo>
                  <a:pt x="5762147" y="7443208"/>
                  <a:pt x="5762147" y="7443208"/>
                  <a:pt x="5853119" y="7491126"/>
                </a:cubicBezTo>
                <a:cubicBezTo>
                  <a:pt x="5853119" y="7491126"/>
                  <a:pt x="5632868" y="7615712"/>
                  <a:pt x="5494018" y="7610920"/>
                </a:cubicBezTo>
                <a:cubicBezTo>
                  <a:pt x="5197166" y="7601337"/>
                  <a:pt x="4952980" y="7409665"/>
                  <a:pt x="4723159" y="7198827"/>
                </a:cubicBezTo>
                <a:cubicBezTo>
                  <a:pt x="4507702" y="7002363"/>
                  <a:pt x="4359276" y="6753190"/>
                  <a:pt x="4359276" y="6753190"/>
                </a:cubicBezTo>
                <a:cubicBezTo>
                  <a:pt x="4435882" y="6542351"/>
                  <a:pt x="4574734" y="6317137"/>
                  <a:pt x="4574734" y="6317137"/>
                </a:cubicBezTo>
                <a:close/>
                <a:moveTo>
                  <a:pt x="3416931" y="5793262"/>
                </a:moveTo>
                <a:cubicBezTo>
                  <a:pt x="3402573" y="5846018"/>
                  <a:pt x="3388215" y="6023472"/>
                  <a:pt x="3474363" y="6383175"/>
                </a:cubicBezTo>
                <a:cubicBezTo>
                  <a:pt x="3474363" y="6383175"/>
                  <a:pt x="3474363" y="6383175"/>
                  <a:pt x="3613150" y="6929923"/>
                </a:cubicBezTo>
                <a:cubicBezTo>
                  <a:pt x="3613150" y="6929923"/>
                  <a:pt x="3120209" y="7155337"/>
                  <a:pt x="2990990" y="6661345"/>
                </a:cubicBezTo>
                <a:cubicBezTo>
                  <a:pt x="2957490" y="6531852"/>
                  <a:pt x="2876130" y="6090616"/>
                  <a:pt x="2876130" y="6090616"/>
                </a:cubicBezTo>
                <a:cubicBezTo>
                  <a:pt x="2876130" y="6090616"/>
                  <a:pt x="2876130" y="6090616"/>
                  <a:pt x="1895032" y="6752470"/>
                </a:cubicBezTo>
                <a:cubicBezTo>
                  <a:pt x="1488236" y="7011456"/>
                  <a:pt x="1009650" y="6714102"/>
                  <a:pt x="1009650" y="6714102"/>
                </a:cubicBezTo>
                <a:cubicBezTo>
                  <a:pt x="1009650" y="6714102"/>
                  <a:pt x="1009650" y="6714102"/>
                  <a:pt x="1990748" y="6090616"/>
                </a:cubicBezTo>
                <a:cubicBezTo>
                  <a:pt x="1990748" y="6090616"/>
                  <a:pt x="1990748" y="6090616"/>
                  <a:pt x="3416931" y="5793262"/>
                </a:cubicBezTo>
                <a:close/>
                <a:moveTo>
                  <a:pt x="5686315" y="5216812"/>
                </a:moveTo>
                <a:cubicBezTo>
                  <a:pt x="5807390" y="5216513"/>
                  <a:pt x="5907300" y="5223105"/>
                  <a:pt x="5963538" y="5237488"/>
                </a:cubicBezTo>
                <a:cubicBezTo>
                  <a:pt x="6092763" y="5266255"/>
                  <a:pt x="6183700" y="5371732"/>
                  <a:pt x="6198059" y="5496386"/>
                </a:cubicBezTo>
                <a:cubicBezTo>
                  <a:pt x="6198059" y="5496386"/>
                  <a:pt x="4991948" y="5645013"/>
                  <a:pt x="4829219" y="5760078"/>
                </a:cubicBezTo>
                <a:cubicBezTo>
                  <a:pt x="4431970" y="6042948"/>
                  <a:pt x="4183091" y="6709371"/>
                  <a:pt x="4168731" y="6766904"/>
                </a:cubicBezTo>
                <a:cubicBezTo>
                  <a:pt x="4355391" y="7380588"/>
                  <a:pt x="5030237" y="7826467"/>
                  <a:pt x="5030237" y="7826467"/>
                </a:cubicBezTo>
                <a:cubicBezTo>
                  <a:pt x="5030237" y="7826467"/>
                  <a:pt x="4915370" y="7884000"/>
                  <a:pt x="4776572" y="7884000"/>
                </a:cubicBezTo>
                <a:cubicBezTo>
                  <a:pt x="4647346" y="7884000"/>
                  <a:pt x="4451114" y="7855234"/>
                  <a:pt x="4264456" y="7697018"/>
                </a:cubicBezTo>
                <a:cubicBezTo>
                  <a:pt x="3934210" y="7418943"/>
                  <a:pt x="3714049" y="6915530"/>
                  <a:pt x="3714049" y="6915530"/>
                </a:cubicBezTo>
                <a:cubicBezTo>
                  <a:pt x="3714049" y="6910736"/>
                  <a:pt x="3776268" y="5995004"/>
                  <a:pt x="4632988" y="5381320"/>
                </a:cubicBezTo>
                <a:cubicBezTo>
                  <a:pt x="4769393" y="5280638"/>
                  <a:pt x="5323090" y="5217711"/>
                  <a:pt x="5686315" y="5216812"/>
                </a:cubicBezTo>
                <a:close/>
                <a:moveTo>
                  <a:pt x="2781239" y="4278787"/>
                </a:moveTo>
                <a:cubicBezTo>
                  <a:pt x="2886524" y="4403454"/>
                  <a:pt x="3001385" y="4523327"/>
                  <a:pt x="3121027" y="4633609"/>
                </a:cubicBezTo>
                <a:cubicBezTo>
                  <a:pt x="2934381" y="4715123"/>
                  <a:pt x="2647238" y="4830200"/>
                  <a:pt x="2623310" y="4839790"/>
                </a:cubicBezTo>
                <a:cubicBezTo>
                  <a:pt x="2240447" y="4983637"/>
                  <a:pt x="1814516" y="4537711"/>
                  <a:pt x="1814516" y="4537711"/>
                </a:cubicBezTo>
                <a:cubicBezTo>
                  <a:pt x="1814516" y="4537711"/>
                  <a:pt x="1814516" y="4537711"/>
                  <a:pt x="2781239" y="4278787"/>
                </a:cubicBezTo>
                <a:close/>
                <a:moveTo>
                  <a:pt x="2392746" y="3742213"/>
                </a:moveTo>
                <a:cubicBezTo>
                  <a:pt x="2478839" y="3881033"/>
                  <a:pt x="2574498" y="4019853"/>
                  <a:pt x="2674940" y="4149100"/>
                </a:cubicBezTo>
                <a:cubicBezTo>
                  <a:pt x="2397532" y="4201757"/>
                  <a:pt x="1957501" y="4283134"/>
                  <a:pt x="1938370" y="4287921"/>
                </a:cubicBezTo>
                <a:cubicBezTo>
                  <a:pt x="1493558" y="4364512"/>
                  <a:pt x="1187452" y="3828377"/>
                  <a:pt x="1187452" y="3828377"/>
                </a:cubicBezTo>
                <a:close/>
                <a:moveTo>
                  <a:pt x="13777914" y="3459639"/>
                </a:moveTo>
                <a:lnTo>
                  <a:pt x="13361990" y="4599463"/>
                </a:lnTo>
                <a:lnTo>
                  <a:pt x="14198601" y="4599463"/>
                </a:lnTo>
                <a:close/>
                <a:moveTo>
                  <a:pt x="731838" y="2994501"/>
                </a:moveTo>
                <a:lnTo>
                  <a:pt x="2096007" y="3138127"/>
                </a:lnTo>
                <a:cubicBezTo>
                  <a:pt x="2158232" y="3296114"/>
                  <a:pt x="2230032" y="3449314"/>
                  <a:pt x="2311402" y="3597727"/>
                </a:cubicBezTo>
                <a:cubicBezTo>
                  <a:pt x="2028996" y="3597727"/>
                  <a:pt x="1401958" y="3602514"/>
                  <a:pt x="1344518" y="3597727"/>
                </a:cubicBezTo>
                <a:cubicBezTo>
                  <a:pt x="923300" y="3592939"/>
                  <a:pt x="731838" y="2994501"/>
                  <a:pt x="731838" y="2994501"/>
                </a:cubicBezTo>
                <a:close/>
                <a:moveTo>
                  <a:pt x="4044506" y="2629376"/>
                </a:moveTo>
                <a:cubicBezTo>
                  <a:pt x="4044506" y="2629376"/>
                  <a:pt x="4044506" y="2629376"/>
                  <a:pt x="4470401" y="3315285"/>
                </a:cubicBezTo>
                <a:cubicBezTo>
                  <a:pt x="4403407" y="3449589"/>
                  <a:pt x="4336412" y="3598282"/>
                  <a:pt x="4288558" y="3746976"/>
                </a:cubicBezTo>
                <a:cubicBezTo>
                  <a:pt x="4221563" y="3665434"/>
                  <a:pt x="4034936" y="3430402"/>
                  <a:pt x="4020580" y="3420809"/>
                </a:cubicBezTo>
                <a:cubicBezTo>
                  <a:pt x="3805238" y="3142608"/>
                  <a:pt x="4044506" y="2629376"/>
                  <a:pt x="4044506" y="2629376"/>
                </a:cubicBezTo>
                <a:close/>
                <a:moveTo>
                  <a:pt x="22659976" y="2351564"/>
                </a:moveTo>
                <a:lnTo>
                  <a:pt x="23788688" y="2351564"/>
                </a:lnTo>
                <a:lnTo>
                  <a:pt x="23788688" y="3704113"/>
                </a:lnTo>
                <a:lnTo>
                  <a:pt x="24028400" y="3704113"/>
                </a:lnTo>
                <a:lnTo>
                  <a:pt x="24814212" y="2351564"/>
                </a:lnTo>
                <a:lnTo>
                  <a:pt x="26192164" y="2351564"/>
                </a:lnTo>
                <a:lnTo>
                  <a:pt x="24990424" y="4164487"/>
                </a:lnTo>
                <a:lnTo>
                  <a:pt x="24985664" y="4174012"/>
                </a:lnTo>
                <a:lnTo>
                  <a:pt x="26239788" y="6071075"/>
                </a:lnTo>
                <a:lnTo>
                  <a:pt x="24857076" y="6071075"/>
                </a:lnTo>
                <a:lnTo>
                  <a:pt x="24047450" y="4720112"/>
                </a:lnTo>
                <a:lnTo>
                  <a:pt x="24042688" y="4715350"/>
                </a:lnTo>
                <a:lnTo>
                  <a:pt x="23788688" y="4715350"/>
                </a:lnTo>
                <a:lnTo>
                  <a:pt x="23788688" y="6071075"/>
                </a:lnTo>
                <a:lnTo>
                  <a:pt x="22659976" y="6071075"/>
                </a:lnTo>
                <a:close/>
                <a:moveTo>
                  <a:pt x="16084550" y="2351564"/>
                </a:moveTo>
                <a:lnTo>
                  <a:pt x="17213264" y="2351564"/>
                </a:lnTo>
                <a:lnTo>
                  <a:pt x="17213264" y="5040787"/>
                </a:lnTo>
                <a:lnTo>
                  <a:pt x="18903950" y="5040787"/>
                </a:lnTo>
                <a:lnTo>
                  <a:pt x="18519776" y="6071075"/>
                </a:lnTo>
                <a:lnTo>
                  <a:pt x="16084550" y="6071075"/>
                </a:lnTo>
                <a:close/>
                <a:moveTo>
                  <a:pt x="13136568" y="2351564"/>
                </a:moveTo>
                <a:lnTo>
                  <a:pt x="14433552" y="2351564"/>
                </a:lnTo>
                <a:lnTo>
                  <a:pt x="15840076" y="6071075"/>
                </a:lnTo>
                <a:lnTo>
                  <a:pt x="14649452" y="6071075"/>
                </a:lnTo>
                <a:lnTo>
                  <a:pt x="14428789" y="5420200"/>
                </a:lnTo>
                <a:lnTo>
                  <a:pt x="13131805" y="5420200"/>
                </a:lnTo>
                <a:lnTo>
                  <a:pt x="12911145" y="6071075"/>
                </a:lnTo>
                <a:lnTo>
                  <a:pt x="11730043" y="6071075"/>
                </a:lnTo>
                <a:close/>
                <a:moveTo>
                  <a:pt x="9183694" y="2351564"/>
                </a:moveTo>
                <a:lnTo>
                  <a:pt x="12160258" y="2351564"/>
                </a:lnTo>
                <a:lnTo>
                  <a:pt x="12160258" y="3338989"/>
                </a:lnTo>
                <a:lnTo>
                  <a:pt x="10312406" y="3338989"/>
                </a:lnTo>
                <a:lnTo>
                  <a:pt x="10312406" y="3894613"/>
                </a:lnTo>
                <a:lnTo>
                  <a:pt x="12074532" y="3894613"/>
                </a:lnTo>
                <a:lnTo>
                  <a:pt x="11715757" y="4820125"/>
                </a:lnTo>
                <a:lnTo>
                  <a:pt x="10312406" y="4820125"/>
                </a:lnTo>
                <a:lnTo>
                  <a:pt x="10312406" y="6071075"/>
                </a:lnTo>
                <a:lnTo>
                  <a:pt x="9183694" y="6071075"/>
                </a:lnTo>
                <a:close/>
                <a:moveTo>
                  <a:pt x="20683330" y="2284889"/>
                </a:moveTo>
                <a:cubicBezTo>
                  <a:pt x="21420288" y="2284889"/>
                  <a:pt x="22051968" y="2658825"/>
                  <a:pt x="22377378" y="3282052"/>
                </a:cubicBezTo>
                <a:cubicBezTo>
                  <a:pt x="22377378" y="3282052"/>
                  <a:pt x="22377378" y="3282052"/>
                  <a:pt x="21401148" y="3799809"/>
                </a:cubicBezTo>
                <a:cubicBezTo>
                  <a:pt x="21257584" y="3516960"/>
                  <a:pt x="21013524" y="3363551"/>
                  <a:pt x="20688116" y="3363551"/>
                </a:cubicBezTo>
                <a:cubicBezTo>
                  <a:pt x="20238284" y="3363551"/>
                  <a:pt x="19917658" y="3723104"/>
                  <a:pt x="19917658" y="4212097"/>
                </a:cubicBezTo>
                <a:cubicBezTo>
                  <a:pt x="19917658" y="4796971"/>
                  <a:pt x="20305280" y="5060644"/>
                  <a:pt x="20692900" y="5060644"/>
                </a:cubicBezTo>
                <a:cubicBezTo>
                  <a:pt x="21013524" y="5060644"/>
                  <a:pt x="21271940" y="4907234"/>
                  <a:pt x="21429860" y="4629179"/>
                </a:cubicBezTo>
                <a:cubicBezTo>
                  <a:pt x="21429860" y="4629179"/>
                  <a:pt x="21429860" y="4629179"/>
                  <a:pt x="22382164" y="5214054"/>
                </a:cubicBezTo>
                <a:cubicBezTo>
                  <a:pt x="21984972" y="5822898"/>
                  <a:pt x="21396360" y="6144100"/>
                  <a:pt x="20683330" y="6144100"/>
                </a:cubicBezTo>
                <a:cubicBezTo>
                  <a:pt x="19539608" y="6144100"/>
                  <a:pt x="18740438" y="5348287"/>
                  <a:pt x="18740438" y="4212097"/>
                </a:cubicBezTo>
                <a:cubicBezTo>
                  <a:pt x="18740438" y="3075907"/>
                  <a:pt x="19539608" y="2284889"/>
                  <a:pt x="20683330" y="2284889"/>
                </a:cubicBezTo>
                <a:close/>
                <a:moveTo>
                  <a:pt x="482601" y="2035651"/>
                </a:moveTo>
                <a:lnTo>
                  <a:pt x="1894743" y="2481546"/>
                </a:lnTo>
                <a:cubicBezTo>
                  <a:pt x="1937825" y="2654151"/>
                  <a:pt x="1985695" y="2826755"/>
                  <a:pt x="2038350" y="2984976"/>
                </a:cubicBezTo>
                <a:cubicBezTo>
                  <a:pt x="1664971" y="2913057"/>
                  <a:pt x="1028309" y="2793193"/>
                  <a:pt x="999589" y="2788399"/>
                </a:cubicBezTo>
                <a:cubicBezTo>
                  <a:pt x="516108" y="2706891"/>
                  <a:pt x="482601" y="2035651"/>
                  <a:pt x="482601" y="2035651"/>
                </a:cubicBezTo>
                <a:close/>
                <a:moveTo>
                  <a:pt x="4445702" y="1843563"/>
                </a:moveTo>
                <a:cubicBezTo>
                  <a:pt x="4445702" y="1843563"/>
                  <a:pt x="4445702" y="1843563"/>
                  <a:pt x="4824414" y="2768256"/>
                </a:cubicBezTo>
                <a:cubicBezTo>
                  <a:pt x="4718949" y="2892826"/>
                  <a:pt x="4627866" y="3026978"/>
                  <a:pt x="4546374" y="3170713"/>
                </a:cubicBezTo>
                <a:cubicBezTo>
                  <a:pt x="4493638" y="3070098"/>
                  <a:pt x="4297093" y="2677224"/>
                  <a:pt x="4287503" y="2658059"/>
                </a:cubicBezTo>
                <a:cubicBezTo>
                  <a:pt x="4095750" y="2313096"/>
                  <a:pt x="4445702" y="1843563"/>
                  <a:pt x="4445702" y="1843563"/>
                </a:cubicBezTo>
                <a:close/>
                <a:moveTo>
                  <a:pt x="5063125" y="1105376"/>
                </a:moveTo>
                <a:cubicBezTo>
                  <a:pt x="5063125" y="1105376"/>
                  <a:pt x="5063125" y="1105376"/>
                  <a:pt x="5283201" y="2308165"/>
                </a:cubicBezTo>
                <a:cubicBezTo>
                  <a:pt x="5154025" y="2413589"/>
                  <a:pt x="5029636" y="2533389"/>
                  <a:pt x="4919597" y="2653189"/>
                </a:cubicBezTo>
                <a:cubicBezTo>
                  <a:pt x="4886108" y="2538181"/>
                  <a:pt x="4704307" y="1896054"/>
                  <a:pt x="4699523" y="1891262"/>
                </a:cubicBezTo>
                <a:cubicBezTo>
                  <a:pt x="4584700" y="1464775"/>
                  <a:pt x="5063125" y="1105376"/>
                  <a:pt x="5063125" y="1105376"/>
                </a:cubicBezTo>
                <a:close/>
                <a:moveTo>
                  <a:pt x="483279" y="946625"/>
                </a:moveTo>
                <a:cubicBezTo>
                  <a:pt x="483279" y="946625"/>
                  <a:pt x="483279" y="946625"/>
                  <a:pt x="1814238" y="1781056"/>
                </a:cubicBezTo>
                <a:cubicBezTo>
                  <a:pt x="1814238" y="1958492"/>
                  <a:pt x="1842964" y="2159906"/>
                  <a:pt x="1866902" y="2327751"/>
                </a:cubicBezTo>
                <a:cubicBezTo>
                  <a:pt x="1503043" y="2159906"/>
                  <a:pt x="808837" y="1857785"/>
                  <a:pt x="780111" y="1843398"/>
                </a:cubicBezTo>
                <a:cubicBezTo>
                  <a:pt x="354015" y="1656371"/>
                  <a:pt x="483279" y="946625"/>
                  <a:pt x="483279" y="946625"/>
                </a:cubicBezTo>
                <a:close/>
                <a:moveTo>
                  <a:pt x="5891216" y="500537"/>
                </a:moveTo>
                <a:cubicBezTo>
                  <a:pt x="5891216" y="500537"/>
                  <a:pt x="5891216" y="500537"/>
                  <a:pt x="5848121" y="1948240"/>
                </a:cubicBezTo>
                <a:cubicBezTo>
                  <a:pt x="5694895" y="2020146"/>
                  <a:pt x="5551242" y="2111226"/>
                  <a:pt x="5412382" y="2207100"/>
                </a:cubicBezTo>
                <a:lnTo>
                  <a:pt x="5326193" y="1190832"/>
                </a:lnTo>
                <a:cubicBezTo>
                  <a:pt x="5302250" y="759398"/>
                  <a:pt x="5891216" y="500537"/>
                  <a:pt x="5891216" y="500537"/>
                </a:cubicBezTo>
                <a:close/>
                <a:moveTo>
                  <a:pt x="6938966" y="103662"/>
                </a:moveTo>
                <a:lnTo>
                  <a:pt x="6441152" y="1723539"/>
                </a:lnTo>
                <a:cubicBezTo>
                  <a:pt x="6287976" y="1761880"/>
                  <a:pt x="6139591" y="1819390"/>
                  <a:pt x="5995991" y="1876900"/>
                </a:cubicBezTo>
                <a:cubicBezTo>
                  <a:pt x="6024710" y="1685199"/>
                  <a:pt x="6177884" y="669181"/>
                  <a:pt x="6187458" y="606879"/>
                </a:cubicBezTo>
                <a:cubicBezTo>
                  <a:pt x="6244898" y="213890"/>
                  <a:pt x="6938966" y="103662"/>
                  <a:pt x="6938966" y="103662"/>
                </a:cubicBezTo>
                <a:close/>
                <a:moveTo>
                  <a:pt x="717922" y="11587"/>
                </a:moveTo>
                <a:cubicBezTo>
                  <a:pt x="717922" y="11587"/>
                  <a:pt x="717922" y="11587"/>
                  <a:pt x="3422094" y="2288929"/>
                </a:cubicBezTo>
                <a:cubicBezTo>
                  <a:pt x="3422094" y="2288929"/>
                  <a:pt x="3508245" y="3358082"/>
                  <a:pt x="4470259" y="4173130"/>
                </a:cubicBezTo>
                <a:cubicBezTo>
                  <a:pt x="5044595" y="4139570"/>
                  <a:pt x="6025758" y="4259430"/>
                  <a:pt x="6303354" y="4590244"/>
                </a:cubicBezTo>
                <a:cubicBezTo>
                  <a:pt x="6360788" y="4662160"/>
                  <a:pt x="6379932" y="4743664"/>
                  <a:pt x="6360788" y="4825169"/>
                </a:cubicBezTo>
                <a:cubicBezTo>
                  <a:pt x="6360788" y="4825169"/>
                  <a:pt x="6360788" y="4825169"/>
                  <a:pt x="6360788" y="4829964"/>
                </a:cubicBezTo>
                <a:cubicBezTo>
                  <a:pt x="6518730" y="4858730"/>
                  <a:pt x="6710176" y="5036123"/>
                  <a:pt x="6724535" y="5242283"/>
                </a:cubicBezTo>
                <a:cubicBezTo>
                  <a:pt x="6748465" y="5601863"/>
                  <a:pt x="6403863" y="5827200"/>
                  <a:pt x="6403863" y="5827200"/>
                </a:cubicBezTo>
                <a:cubicBezTo>
                  <a:pt x="6403863" y="5827200"/>
                  <a:pt x="6403863" y="5827200"/>
                  <a:pt x="6198059" y="5496386"/>
                </a:cubicBezTo>
                <a:cubicBezTo>
                  <a:pt x="6241133" y="5467620"/>
                  <a:pt x="6322498" y="5381320"/>
                  <a:pt x="6336856" y="5285432"/>
                </a:cubicBezTo>
                <a:cubicBezTo>
                  <a:pt x="6341642" y="5223105"/>
                  <a:pt x="6317711" y="5088862"/>
                  <a:pt x="6178914" y="5064890"/>
                </a:cubicBezTo>
                <a:cubicBezTo>
                  <a:pt x="6178914" y="5064890"/>
                  <a:pt x="6178914" y="5064890"/>
                  <a:pt x="6030544" y="5040918"/>
                </a:cubicBezTo>
                <a:cubicBezTo>
                  <a:pt x="6001826" y="5084067"/>
                  <a:pt x="5958750" y="5122422"/>
                  <a:pt x="5867814" y="5112834"/>
                </a:cubicBezTo>
                <a:cubicBezTo>
                  <a:pt x="5609362" y="5088862"/>
                  <a:pt x="5652436" y="4839553"/>
                  <a:pt x="5652436" y="4839553"/>
                </a:cubicBezTo>
                <a:cubicBezTo>
                  <a:pt x="5652436" y="4839553"/>
                  <a:pt x="5652436" y="4839553"/>
                  <a:pt x="6040116" y="4921057"/>
                </a:cubicBezTo>
                <a:cubicBezTo>
                  <a:pt x="6044902" y="4887497"/>
                  <a:pt x="6040116" y="4868319"/>
                  <a:pt x="6020970" y="4849141"/>
                </a:cubicBezTo>
                <a:cubicBezTo>
                  <a:pt x="5776878" y="4551888"/>
                  <a:pt x="4637773" y="4542299"/>
                  <a:pt x="4637773" y="4542299"/>
                </a:cubicBezTo>
                <a:cubicBezTo>
                  <a:pt x="4800503" y="4925852"/>
                  <a:pt x="4489403" y="5318993"/>
                  <a:pt x="4039505" y="5314199"/>
                </a:cubicBezTo>
                <a:cubicBezTo>
                  <a:pt x="3867205" y="5232694"/>
                  <a:pt x="3709261" y="5141600"/>
                  <a:pt x="3551320" y="5036123"/>
                </a:cubicBezTo>
                <a:cubicBezTo>
                  <a:pt x="3010485" y="5323787"/>
                  <a:pt x="828003" y="6479240"/>
                  <a:pt x="823218" y="6484034"/>
                </a:cubicBezTo>
                <a:cubicBezTo>
                  <a:pt x="435539" y="6666221"/>
                  <a:pt x="0" y="6311435"/>
                  <a:pt x="0" y="6311435"/>
                </a:cubicBezTo>
                <a:cubicBezTo>
                  <a:pt x="0" y="6311435"/>
                  <a:pt x="0" y="6311435"/>
                  <a:pt x="3225861" y="4729281"/>
                </a:cubicBezTo>
                <a:cubicBezTo>
                  <a:pt x="3345515" y="4829964"/>
                  <a:pt x="3460382" y="4921057"/>
                  <a:pt x="3584822" y="5007357"/>
                </a:cubicBezTo>
                <a:cubicBezTo>
                  <a:pt x="3728407" y="5012151"/>
                  <a:pt x="4039505" y="5007357"/>
                  <a:pt x="4168731" y="4858730"/>
                </a:cubicBezTo>
                <a:cubicBezTo>
                  <a:pt x="4307529" y="4695720"/>
                  <a:pt x="4207022" y="4503944"/>
                  <a:pt x="3996430" y="4302579"/>
                </a:cubicBezTo>
                <a:cubicBezTo>
                  <a:pt x="3651829" y="3976560"/>
                  <a:pt x="3192359" y="3449176"/>
                  <a:pt x="3034416" y="2557416"/>
                </a:cubicBezTo>
                <a:cubicBezTo>
                  <a:pt x="2914762" y="2466323"/>
                  <a:pt x="962015" y="941702"/>
                  <a:pt x="760998" y="778692"/>
                </a:cubicBezTo>
                <a:cubicBezTo>
                  <a:pt x="445111" y="524589"/>
                  <a:pt x="717922" y="11587"/>
                  <a:pt x="717922" y="11587"/>
                </a:cubicBezTo>
                <a:close/>
                <a:moveTo>
                  <a:pt x="7759585" y="0"/>
                </a:moveTo>
                <a:lnTo>
                  <a:pt x="7827074" y="0"/>
                </a:lnTo>
                <a:lnTo>
                  <a:pt x="7848090" y="621"/>
                </a:lnTo>
                <a:cubicBezTo>
                  <a:pt x="7863671" y="1538"/>
                  <a:pt x="7872420" y="2437"/>
                  <a:pt x="7872420" y="2437"/>
                </a:cubicBezTo>
                <a:cubicBezTo>
                  <a:pt x="7872420" y="2437"/>
                  <a:pt x="7872420" y="2437"/>
                  <a:pt x="6479816" y="3123160"/>
                </a:cubicBezTo>
                <a:cubicBezTo>
                  <a:pt x="6479816" y="3123160"/>
                  <a:pt x="5742835" y="3358053"/>
                  <a:pt x="5331269" y="4086700"/>
                </a:cubicBezTo>
                <a:cubicBezTo>
                  <a:pt x="5192488" y="4062731"/>
                  <a:pt x="5048921" y="4053144"/>
                  <a:pt x="4910139" y="4043556"/>
                </a:cubicBezTo>
                <a:cubicBezTo>
                  <a:pt x="5331269" y="3113573"/>
                  <a:pt x="6154392" y="2778011"/>
                  <a:pt x="6154392" y="2778011"/>
                </a:cubicBezTo>
                <a:cubicBezTo>
                  <a:pt x="6154392" y="2778011"/>
                  <a:pt x="6982300" y="745468"/>
                  <a:pt x="7173723" y="280474"/>
                </a:cubicBezTo>
                <a:cubicBezTo>
                  <a:pt x="7251786" y="91721"/>
                  <a:pt x="7463101" y="27343"/>
                  <a:pt x="7633059" y="714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rtl="0">
              <a:defRPr sz="100">
                <a:noFill/>
              </a:defRPr>
            </a:lvl1pPr>
            <a:lvl2pPr rtl="0">
              <a:defRPr sz="100">
                <a:noFill/>
              </a:defRPr>
            </a:lvl2pPr>
            <a:lvl3pPr rtl="0">
              <a:defRPr sz="100">
                <a:noFill/>
              </a:defRPr>
            </a:lvl3pPr>
            <a:lvl4pPr rtl="0">
              <a:defRPr sz="100">
                <a:noFill/>
              </a:defRPr>
            </a:lvl4pPr>
            <a:lvl5pPr rtl="0">
              <a:defRPr sz="100">
                <a:noFill/>
              </a:defRPr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458926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  <p15:guide id="2" orient="horz" pos="527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D, dark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01BD81CB-E9C4-4E4E-28B9-6E87222A456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1474540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1BD81CB-E9C4-4E4E-28B9-6E87222A456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5" name="Picture 4" descr="A close up of a logo&#10;&#10;Description automatically generated">
            <a:extLst>
              <a:ext uri="{FF2B5EF4-FFF2-40B4-BE49-F238E27FC236}">
                <a16:creationId xmlns:a16="http://schemas.microsoft.com/office/drawing/2014/main" id="{04C95292-CA88-4F91-85C3-4AD11D5A4810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7" y="0"/>
            <a:ext cx="12187065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760000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760000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1" name="Logo white">
            <a:extLst>
              <a:ext uri="{FF2B5EF4-FFF2-40B4-BE49-F238E27FC236}">
                <a16:creationId xmlns:a16="http://schemas.microsoft.com/office/drawing/2014/main" id="{4371357E-DE8E-8043-AA98-43C7089B5A23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958652" y="5645236"/>
            <a:ext cx="2653908" cy="8008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10524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A,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984CEBAC-6680-E7F0-79CB-750156DAA58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2366321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8" imgH="408" progId="TCLayout.ActiveDocument.1">
                  <p:embed/>
                </p:oleObj>
              </mc:Choice>
              <mc:Fallback>
                <p:oleObj name="think-cell Slide" r:id="rId3" imgW="408" imgH="408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84CEBAC-6680-E7F0-79CB-750156DAA58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Background">
            <a:extLst>
              <a:ext uri="{FF2B5EF4-FFF2-40B4-BE49-F238E27FC236}">
                <a16:creationId xmlns:a16="http://schemas.microsoft.com/office/drawing/2014/main" id="{8CDC0FED-313C-4C9B-9C67-79F45A8828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da-DK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8D02EC12-2040-4773-AD2F-949400B5AF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11612563" cy="5327650"/>
          </a:xfrm>
          <a:solidFill>
            <a:schemeClr val="bg1"/>
          </a:solidFill>
        </p:spPr>
        <p:txBody>
          <a:bodyPr tIns="72000"/>
          <a:lstStyle>
            <a:lvl1pPr marL="0" indent="0" algn="ctr" rtl="0">
              <a:buNone/>
              <a:defRPr sz="1600"/>
            </a:lvl1pPr>
          </a:lstStyle>
          <a:p>
            <a:r>
              <a:rPr lang="da-DK" dirty="0"/>
              <a:t>Click here to insert image via Templafy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74674" y="1914716"/>
            <a:ext cx="5760000" cy="2484000"/>
          </a:xfrm>
        </p:spPr>
        <p:txBody>
          <a:bodyPr vert="horz" anchor="t" anchorCtr="0"/>
          <a:lstStyle>
            <a:lvl1pPr algn="l" rtl="0">
              <a:lnSpc>
                <a:spcPct val="83000"/>
              </a:lnSpc>
              <a:defRPr sz="600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74676" y="934606"/>
            <a:ext cx="5760000" cy="648000"/>
          </a:xfrm>
        </p:spPr>
        <p:txBody>
          <a:bodyPr anchor="b" anchorCtr="0"/>
          <a:lstStyle>
            <a:lvl1pPr marL="0" indent="0" algn="l" rtl="0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pic>
        <p:nvPicPr>
          <p:cNvPr id="21" name="Logo white">
            <a:extLst>
              <a:ext uri="{FF2B5EF4-FFF2-40B4-BE49-F238E27FC236}">
                <a16:creationId xmlns:a16="http://schemas.microsoft.com/office/drawing/2014/main" id="{F4DF522B-BBA5-4E3A-87AF-0B7B9E2EF236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958652" y="5645236"/>
            <a:ext cx="2653908" cy="800872"/>
          </a:xfrm>
          <a:prstGeom prst="rect">
            <a:avLst/>
          </a:prstGeom>
        </p:spPr>
      </p:pic>
      <p:sp>
        <p:nvSpPr>
          <p:cNvPr id="12" name="Date Placeholder 3">
            <a:extLst>
              <a:ext uri="{FF2B5EF4-FFF2-40B4-BE49-F238E27FC236}">
                <a16:creationId xmlns:a16="http://schemas.microsoft.com/office/drawing/2014/main" id="{3D87AB76-E48E-4579-B8A3-520295CA47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EC5C0EF3-9FF7-496A-8692-1A2FE04459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26FF3335-17DE-4B13-B6D6-C79FFE75DC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 rtl="0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569563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356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emf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ags" Target="../tags/tag3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heme" Target="../theme/theme1.xml"/><Relationship Id="rId48" Type="http://schemas.openxmlformats.org/officeDocument/2006/relationships/image" Target="../media/image2.pn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oleObject" Target="../embeddings/oleObject1.bin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E08E2576-DF23-47DF-9AF1-02304B85C9E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44"/>
            </p:custDataLst>
            <p:extLst>
              <p:ext uri="{D42A27DB-BD31-4B8C-83A1-F6EECF244321}">
                <p14:modId xmlns:p14="http://schemas.microsoft.com/office/powerpoint/2010/main" val="328504744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6" imgW="216" imgH="216" progId="TCLayout.ActiveDocument.1">
                  <p:embed/>
                </p:oleObj>
              </mc:Choice>
              <mc:Fallback>
                <p:oleObj name="think-cell Slide" r:id="rId46" imgW="216" imgH="216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E08E2576-DF23-47DF-9AF1-02304B85C9E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5899713C-685B-401E-9EFB-E85B19A82A3F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rtl="0"/>
            <a:endParaRPr lang="da-DK" sz="2700" b="1" i="0" baseline="0" noProof="0" dirty="0" err="1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pic>
        <p:nvPicPr>
          <p:cNvPr id="10" name="Background shadow" descr="A close up of a logo&#10;&#10;Description automatically generated">
            <a:extLst>
              <a:ext uri="{FF2B5EF4-FFF2-40B4-BE49-F238E27FC236}">
                <a16:creationId xmlns:a16="http://schemas.microsoft.com/office/drawing/2014/main" id="{BADC3658-FFE6-4239-9046-253361BE2C8E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4" y="0"/>
            <a:ext cx="12189631" cy="6858000"/>
          </a:xfrm>
          <a:prstGeom prst="rect">
            <a:avLst/>
          </a:prstGeom>
        </p:spPr>
      </p:pic>
      <p:pic>
        <p:nvPicPr>
          <p:cNvPr id="12" name="Logo red">
            <a:extLst>
              <a:ext uri="{FF2B5EF4-FFF2-40B4-BE49-F238E27FC236}">
                <a16:creationId xmlns:a16="http://schemas.microsoft.com/office/drawing/2014/main" id="{B2196BCC-3AFC-4D08-865F-46116BE1BB9C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03509" y="6434418"/>
            <a:ext cx="910039" cy="274623"/>
          </a:xfrm>
          <a:prstGeom prst="rect">
            <a:avLst/>
          </a:prstGeom>
        </p:spPr>
      </p:pic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74675" y="1916113"/>
            <a:ext cx="10728000" cy="39814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Level 1</a:t>
            </a:r>
            <a:endParaRPr lang="da-DK"/>
          </a:p>
          <a:p>
            <a:pPr lvl="1"/>
            <a:r>
              <a:rPr lang="da-DK" noProof="0" dirty="0"/>
              <a:t>Level 2</a:t>
            </a:r>
            <a:endParaRPr lang="da-DK"/>
          </a:p>
          <a:p>
            <a:pPr lvl="2"/>
            <a:r>
              <a:rPr lang="da-DK" noProof="0" dirty="0"/>
              <a:t>Level 3</a:t>
            </a:r>
            <a:endParaRPr lang="da-DK"/>
          </a:p>
          <a:p>
            <a:pPr lvl="3"/>
            <a:r>
              <a:rPr lang="da-DK" noProof="0" dirty="0"/>
              <a:t>Level 4, Header</a:t>
            </a:r>
            <a:endParaRPr lang="da-DK"/>
          </a:p>
          <a:p>
            <a:pPr lvl="4"/>
            <a:r>
              <a:rPr lang="da-DK" noProof="0" dirty="0"/>
              <a:t>Level 5, Body</a:t>
            </a:r>
            <a:endParaRPr lang="da-DK"/>
          </a:p>
          <a:p>
            <a:pPr lvl="5"/>
            <a:r>
              <a:rPr lang="da-DK" noProof="0" dirty="0"/>
              <a:t>Level 6</a:t>
            </a:r>
            <a:endParaRPr lang="da-DK"/>
          </a:p>
          <a:p>
            <a:pPr lvl="6"/>
            <a:r>
              <a:rPr lang="da-DK" noProof="0" dirty="0"/>
              <a:t>Level 7, Small Header</a:t>
            </a:r>
            <a:endParaRPr lang="da-DK"/>
          </a:p>
          <a:p>
            <a:pPr lvl="7"/>
            <a:r>
              <a:rPr lang="da-DK" noProof="0" dirty="0"/>
              <a:t>Level 8, Small Body</a:t>
            </a:r>
            <a:endParaRPr lang="da-DK"/>
          </a:p>
          <a:p>
            <a:pPr lvl="8"/>
            <a:r>
              <a:rPr lang="da-DK" noProof="0" dirty="0"/>
              <a:t>Level 9, Infographic</a:t>
            </a:r>
            <a:endParaRPr lang="da-DK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683763"/>
            <a:ext cx="10728000" cy="360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noProof="0" dirty="0"/>
              <a:t>Click here to edit the typography in the master</a:t>
            </a:r>
            <a:endParaRPr lang="da-DK"/>
          </a:p>
        </p:txBody>
      </p:sp>
      <p:sp>
        <p:nvSpPr>
          <p:cNvPr id="13" name="Date Placeholder 3">
            <a:extLst>
              <a:ext uri="{FF2B5EF4-FFF2-40B4-BE49-F238E27FC236}">
                <a16:creationId xmlns:a16="http://schemas.microsoft.com/office/drawing/2014/main" id="{A7595FF3-D3E1-494C-8786-F161DDDC59E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-14514" y="6858000"/>
            <a:ext cx="45719" cy="4571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Footer Placeholder 4">
            <a:extLst>
              <a:ext uri="{FF2B5EF4-FFF2-40B4-BE49-F238E27FC236}">
                <a16:creationId xmlns:a16="http://schemas.microsoft.com/office/drawing/2014/main" id="{4FA31F1C-497E-4470-8FCF-70E627F77CA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74674" y="6005475"/>
            <a:ext cx="8905876" cy="1764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 rtl="0">
              <a:defRPr sz="800">
                <a:solidFill>
                  <a:srgbClr val="AEAFAF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74674" y="6473389"/>
            <a:ext cx="334394" cy="1800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 rtl="0">
              <a:defRPr sz="800">
                <a:solidFill>
                  <a:srgbClr val="AEAFAF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63" r:id="rId2"/>
    <p:sldLayoutId id="2147483764" r:id="rId3"/>
    <p:sldLayoutId id="2147483765" r:id="rId4"/>
    <p:sldLayoutId id="2147483766" r:id="rId5"/>
    <p:sldLayoutId id="2147483767" r:id="rId6"/>
    <p:sldLayoutId id="2147483768" r:id="rId7"/>
    <p:sldLayoutId id="2147483769" r:id="rId8"/>
    <p:sldLayoutId id="2147483771" r:id="rId9"/>
    <p:sldLayoutId id="2147483770" r:id="rId10"/>
    <p:sldLayoutId id="2147483737" r:id="rId11"/>
    <p:sldLayoutId id="2147483772" r:id="rId12"/>
    <p:sldLayoutId id="2147483797" r:id="rId13"/>
    <p:sldLayoutId id="2147483799" r:id="rId14"/>
    <p:sldLayoutId id="2147483800" r:id="rId15"/>
    <p:sldLayoutId id="2147483801" r:id="rId16"/>
    <p:sldLayoutId id="2147483802" r:id="rId17"/>
    <p:sldLayoutId id="2147483803" r:id="rId18"/>
    <p:sldLayoutId id="2147483780" r:id="rId19"/>
    <p:sldLayoutId id="2147483781" r:id="rId20"/>
    <p:sldLayoutId id="2147483782" r:id="rId21"/>
    <p:sldLayoutId id="2147483783" r:id="rId22"/>
    <p:sldLayoutId id="2147483784" r:id="rId23"/>
    <p:sldLayoutId id="2147483785" r:id="rId24"/>
    <p:sldLayoutId id="2147483756" r:id="rId25"/>
    <p:sldLayoutId id="2147483786" r:id="rId26"/>
    <p:sldLayoutId id="2147483755" r:id="rId27"/>
    <p:sldLayoutId id="2147483808" r:id="rId28"/>
    <p:sldLayoutId id="2147483789" r:id="rId29"/>
    <p:sldLayoutId id="2147483790" r:id="rId30"/>
    <p:sldLayoutId id="2147483794" r:id="rId31"/>
    <p:sldLayoutId id="2147483793" r:id="rId32"/>
    <p:sldLayoutId id="2147483792" r:id="rId33"/>
    <p:sldLayoutId id="2147483791" r:id="rId34"/>
    <p:sldLayoutId id="2147483787" r:id="rId35"/>
    <p:sldLayoutId id="2147483788" r:id="rId36"/>
    <p:sldLayoutId id="2147483805" r:id="rId37"/>
    <p:sldLayoutId id="2147483807" r:id="rId38"/>
    <p:sldLayoutId id="2147483806" r:id="rId39"/>
    <p:sldLayoutId id="2147483743" r:id="rId40"/>
    <p:sldLayoutId id="2147483762" r:id="rId41"/>
    <p:sldLayoutId id="2147483751" r:id="rId42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defRPr sz="27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600" kern="1200" baseline="0">
          <a:solidFill>
            <a:schemeClr val="tx1"/>
          </a:solidFill>
          <a:latin typeface="Arial Black" panose="020B0A04020102020204" pitchFamily="34" charset="0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414" userDrawn="1">
          <p15:clr>
            <a:srgbClr val="F26B43"/>
          </p15:clr>
        </p15:guide>
        <p15:guide id="5" orient="horz" pos="3715" userDrawn="1">
          <p15:clr>
            <a:srgbClr val="F26B43"/>
          </p15:clr>
        </p15:guide>
        <p15:guide id="6" orient="horz" pos="1207" userDrawn="1">
          <p15:clr>
            <a:srgbClr val="F26B43"/>
          </p15:clr>
        </p15:guide>
        <p15:guide id="7" pos="362" userDrawn="1">
          <p15:clr>
            <a:srgbClr val="000000"/>
          </p15:clr>
        </p15:guide>
        <p15:guide id="8" pos="7315" userDrawn="1">
          <p15:clr>
            <a:srgbClr val="000000"/>
          </p15:clr>
        </p15:guide>
        <p15:guide id="9" pos="7120" userDrawn="1">
          <p15:clr>
            <a:srgbClr val="000000"/>
          </p15:clr>
        </p15:guide>
        <p15:guide id="10" pos="6447" userDrawn="1">
          <p15:clr>
            <a:srgbClr val="00000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emf"/><Relationship Id="rId3" Type="http://schemas.openxmlformats.org/officeDocument/2006/relationships/tags" Target="../tags/tag46.xml"/><Relationship Id="rId7" Type="http://schemas.openxmlformats.org/officeDocument/2006/relationships/oleObject" Target="../embeddings/oleObject6.bin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4.xml"/><Relationship Id="rId4" Type="http://schemas.openxmlformats.org/officeDocument/2006/relationships/tags" Target="../tags/tag47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30.xml"/><Relationship Id="rId4" Type="http://schemas.openxmlformats.org/officeDocument/2006/relationships/image" Target="../media/image3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30.xml"/><Relationship Id="rId4" Type="http://schemas.openxmlformats.org/officeDocument/2006/relationships/image" Target="../media/image21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25.xml"/><Relationship Id="rId4" Type="http://schemas.openxmlformats.org/officeDocument/2006/relationships/image" Target="../media/image34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Relationship Id="rId6" Type="http://schemas.openxmlformats.org/officeDocument/2006/relationships/image" Target="../media/image38.png"/><Relationship Id="rId5" Type="http://schemas.openxmlformats.org/officeDocument/2006/relationships/image" Target="../media/image37.png"/><Relationship Id="rId4" Type="http://schemas.openxmlformats.org/officeDocument/2006/relationships/image" Target="../media/image36.png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6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Relationship Id="rId5" Type="http://schemas.openxmlformats.org/officeDocument/2006/relationships/image" Target="../media/image42.png"/><Relationship Id="rId4" Type="http://schemas.openxmlformats.org/officeDocument/2006/relationships/image" Target="../media/image41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Relationship Id="rId5" Type="http://schemas.openxmlformats.org/officeDocument/2006/relationships/image" Target="../media/image45.png"/><Relationship Id="rId4" Type="http://schemas.openxmlformats.org/officeDocument/2006/relationships/image" Target="../media/image44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Relationship Id="rId4" Type="http://schemas.openxmlformats.org/officeDocument/2006/relationships/image" Target="../media/image47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8.jpe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Relationship Id="rId4" Type="http://schemas.openxmlformats.org/officeDocument/2006/relationships/image" Target="../media/image49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25.xml"/><Relationship Id="rId6" Type="http://schemas.openxmlformats.org/officeDocument/2006/relationships/image" Target="../media/image25.png"/><Relationship Id="rId5" Type="http://schemas.openxmlformats.org/officeDocument/2006/relationships/image" Target="../media/image24.png"/><Relationship Id="rId4" Type="http://schemas.openxmlformats.org/officeDocument/2006/relationships/image" Target="../media/image21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25.xml"/><Relationship Id="rId4" Type="http://schemas.openxmlformats.org/officeDocument/2006/relationships/image" Target="../media/image2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26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0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76568257-D596-0F41-5833-6C8B11C313A4}"/>
              </a:ext>
            </a:extLst>
          </p:cNvPr>
          <p:cNvGraphicFramePr>
            <a:graphicFrameLocks noChangeAspect="1"/>
          </p:cNvGraphicFramePr>
          <p:nvPr>
            <p:custDataLst>
              <p:tags r:id="rId4"/>
            </p:custDataLst>
            <p:extLst>
              <p:ext uri="{D42A27DB-BD31-4B8C-83A1-F6EECF244321}">
                <p14:modId xmlns:p14="http://schemas.microsoft.com/office/powerpoint/2010/main" val="177581268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408" imgH="408" progId="TCLayout.ActiveDocument.1">
                  <p:embed/>
                </p:oleObj>
              </mc:Choice>
              <mc:Fallback>
                <p:oleObj name="think-cell Slide" r:id="rId7" imgW="408" imgH="408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6568257-D596-0F41-5833-6C8B11C313A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itle 7">
            <a:extLst>
              <a:ext uri="{FF2B5EF4-FFF2-40B4-BE49-F238E27FC236}">
                <a16:creationId xmlns:a16="http://schemas.microsoft.com/office/drawing/2014/main" id="{E84D4859-A505-4703-961A-8084E9502A8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74674" y="2325841"/>
            <a:ext cx="11284173" cy="2484000"/>
          </a:xfrm>
        </p:spPr>
        <p:txBody>
          <a:bodyPr/>
          <a:lstStyle/>
          <a:p>
            <a:r>
              <a:rPr lang="da-DK" sz="2400" dirty="0"/>
              <a:t>Eftersyn af brandtekniske installationer og passiv brandsikring</a:t>
            </a:r>
          </a:p>
        </p:txBody>
      </p:sp>
      <p:sp>
        <p:nvSpPr>
          <p:cNvPr id="11" name="Subtitle 10">
            <a:extLst>
              <a:ext uri="{FF2B5EF4-FFF2-40B4-BE49-F238E27FC236}">
                <a16:creationId xmlns:a16="http://schemas.microsoft.com/office/drawing/2014/main" id="{F8F633E7-A8AC-44AC-AC04-08AFA87B484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Sikkerhed i Almene Boliger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3AF528-04F9-4DED-8104-E036B75D2E5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A5AAEB4-FF8E-449A-A698-8431202CD15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6EC39B4-99BF-4B61-A216-4A1EB9C2C81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DE3687E0-91CA-45EC-8FF3-6055CCBDDAA1}"/>
              </a:ext>
            </a:extLst>
          </p:cNvPr>
          <p:cNvSpPr txBox="1"/>
          <p:nvPr/>
        </p:nvSpPr>
        <p:spPr>
          <a:xfrm>
            <a:off x="422476" y="6464461"/>
            <a:ext cx="750039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800" dirty="0"/>
              <a:t>Brandteknisk Rådgivning :</a:t>
            </a:r>
            <a:r>
              <a:rPr lang="da-DK" sz="800"/>
              <a:t>Thomas Larsen </a:t>
            </a:r>
            <a:endParaRPr lang="da-DK" sz="800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449685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D055047-81DA-41B2-8342-E251426AE4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626D7D18-21BB-4A23-9E85-D251351685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510540"/>
            <a:ext cx="10728000" cy="533223"/>
          </a:xfrm>
          <a:solidFill>
            <a:schemeClr val="tx2"/>
          </a:solidFill>
        </p:spPr>
        <p:txBody>
          <a:bodyPr vert="horz" lIns="0" tIns="0" rIns="0" bIns="0" rtlCol="0" anchor="ctr" anchorCtr="0">
            <a:normAutofit/>
          </a:bodyPr>
          <a:lstStyle/>
          <a:p>
            <a:r>
              <a:rPr lang="da-DK" sz="2300" dirty="0"/>
              <a:t> Brandventilation i luftsluse over 22 meter (ABV)</a:t>
            </a:r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A3FA2374-BFAC-2DBE-D43D-DC26CCC39684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r="-3" b="10519"/>
          <a:stretch>
            <a:fillRect/>
          </a:stretch>
        </p:blipFill>
        <p:spPr>
          <a:xfrm>
            <a:off x="8487460" y="1270938"/>
            <a:ext cx="2281820" cy="2722328"/>
          </a:xfrm>
          <a:prstGeom prst="rect">
            <a:avLst/>
          </a:prstGeom>
          <a:noFill/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5EFEEFDC-8C36-CA97-E2D7-D2D80883C39F}"/>
              </a:ext>
            </a:extLst>
          </p:cNvPr>
          <p:cNvSpPr txBox="1"/>
          <p:nvPr/>
        </p:nvSpPr>
        <p:spPr>
          <a:xfrm>
            <a:off x="574674" y="1639439"/>
            <a:ext cx="7030800" cy="425812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dirty="0"/>
              <a:t>Brandventilationsanlægget installeres i luftsluse for at hindre røg- og brandspredning til flugtvejstrappe. Brandventilationsanlægget består af automatiske oplukkelige facadeelementer i luftslusen.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da-DK" sz="1600" b="1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b="1" dirty="0"/>
              <a:t>Automatisk brandsikringsanlæg skal afprøves iht.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Udarbejdet DKV-plan. 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Projekteringsstandarten. 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BR18 vejledning til kapitel 5- Brand, kapitel 7.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b="1" dirty="0"/>
              <a:t>BR18 vejledning til kapitel 5- Brand, kapitel 7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Månedlig eftersyn af kontrolpanel for anlæg med selvstændig detektering.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Årligt serviceeftersyn udført af ABV-installationsvirksomhed.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Årlig akkreditering. 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dirty="0"/>
              <a:t>   - Gælder kun ABV-anlæg fra efter 1. august 2014.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dirty="0"/>
              <a:t>   - Anlæg betinget i byggesag i BR18.</a:t>
            </a:r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4BB173B0-9CDF-3738-E5F7-FE810D09D5F7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78505" y="6653389"/>
            <a:ext cx="1248339" cy="168762"/>
          </a:xfrm>
        </p:spPr>
        <p:txBody>
          <a:bodyPr vert="horz" lIns="0" tIns="0" rIns="0" bIns="0" rtlCol="0" anchor="b" anchorCtr="0">
            <a:normAutofit/>
          </a:bodyPr>
          <a:lstStyle/>
          <a:p>
            <a:pPr>
              <a:spcAft>
                <a:spcPts val="600"/>
              </a:spcAft>
            </a:pPr>
            <a:r>
              <a:rPr lang="da-DK" kern="1200" dirty="0">
                <a:latin typeface="+mn-lt"/>
                <a:ea typeface="+mn-ea"/>
                <a:cs typeface="+mn-cs"/>
              </a:rPr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8C85F65B-716C-2510-5F2D-F9FC8657A95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574674" y="6473389"/>
            <a:ext cx="334394" cy="180000"/>
          </a:xfrm>
        </p:spPr>
        <p:txBody>
          <a:bodyPr vert="horz" lIns="0" tIns="0" rIns="0" bIns="0" rtlCol="0" anchor="ctr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da-DK" smtClean="0"/>
              <a:pPr>
                <a:spcAft>
                  <a:spcPts val="600"/>
                </a:spcAft>
              </a:pPr>
              <a:t>10</a:t>
            </a:fld>
            <a:endParaRPr lang="da-DK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1D496D2B-557E-46F9-D2B5-4094894780B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54587" y="6392972"/>
            <a:ext cx="1608938" cy="340834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C2DE86EC-20CA-4EB4-6E3D-904F05139FF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05119" y="4062567"/>
            <a:ext cx="3413306" cy="21702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329821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C203DF6-7B0E-1977-7AF4-F23B7495138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>
            <a:extLst>
              <a:ext uri="{FF2B5EF4-FFF2-40B4-BE49-F238E27FC236}">
                <a16:creationId xmlns:a16="http://schemas.microsoft.com/office/drawing/2014/main" id="{DAE71669-9B09-4EDC-B5A4-B6B806A226D7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DEBB013B-6F5E-5F12-8A0C-410D012553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518160"/>
            <a:ext cx="10728000" cy="525603"/>
          </a:xfrm>
          <a:noFill/>
        </p:spPr>
        <p:txBody>
          <a:bodyPr vert="horz" lIns="0" tIns="0" rIns="0" bIns="0" rtlCol="0" anchor="ctr" anchorCtr="0">
            <a:normAutofit/>
          </a:bodyPr>
          <a:lstStyle/>
          <a:p>
            <a:r>
              <a:rPr lang="da-DK" sz="2300" dirty="0"/>
              <a:t> Røgudluftning-RU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718A111A-B7E9-51BF-D75A-A1D4D8093F28}"/>
              </a:ext>
            </a:extLst>
          </p:cNvPr>
          <p:cNvSpPr txBox="1"/>
          <p:nvPr/>
        </p:nvSpPr>
        <p:spPr>
          <a:xfrm>
            <a:off x="574674" y="1408471"/>
            <a:ext cx="7030800" cy="459700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dirty="0"/>
              <a:t>Sikre redningsberedskabets indsatsmulighed ved at få fjernet røg fra de primære indsatsveje i en bygning, hvor de primære indsatsveje hovedsageligt er trapperum. 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b="1" dirty="0"/>
              <a:t>Årligt serviceeftersyn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Manuelt oplukkelige røgudluftningsåbninger åbnes.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Røgudluftningsåbninger åbner ved successiv aktivering af alle aktiveringstrykkene.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Markering og skiltning er intakt. 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777B90D8-0699-24B3-489B-558FFC121DAF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60136" y="6649425"/>
            <a:ext cx="1283064" cy="168762"/>
          </a:xfrm>
        </p:spPr>
        <p:txBody>
          <a:bodyPr vert="horz" lIns="0" tIns="0" rIns="0" bIns="0" rtlCol="0" anchor="b" anchorCtr="0">
            <a:normAutofit/>
          </a:bodyPr>
          <a:lstStyle/>
          <a:p>
            <a:pPr>
              <a:spcAft>
                <a:spcPts val="600"/>
              </a:spcAft>
            </a:pPr>
            <a:r>
              <a:rPr lang="da-DK" kern="1200" dirty="0">
                <a:latin typeface="+mn-lt"/>
                <a:ea typeface="+mn-ea"/>
                <a:cs typeface="+mn-cs"/>
              </a:rPr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90A88601-E2B8-C6B8-5A1B-003F5E24FF4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574674" y="6473389"/>
            <a:ext cx="334394" cy="180000"/>
          </a:xfrm>
        </p:spPr>
        <p:txBody>
          <a:bodyPr vert="horz" lIns="0" tIns="0" rIns="0" bIns="0" rtlCol="0" anchor="ctr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da-DK" smtClean="0"/>
              <a:pPr>
                <a:spcAft>
                  <a:spcPts val="600"/>
                </a:spcAft>
              </a:pPr>
              <a:t>11</a:t>
            </a:fld>
            <a:endParaRPr lang="da-DK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24C1C429-CA25-7611-2E78-2E2532DD0DEF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3966" b="678"/>
          <a:stretch>
            <a:fillRect/>
          </a:stretch>
        </p:blipFill>
        <p:spPr>
          <a:xfrm>
            <a:off x="8810272" y="1420931"/>
            <a:ext cx="2008737" cy="2008069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20DC8EB9-4012-0648-56D6-C14F649DD15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36642" y="3806168"/>
            <a:ext cx="2008737" cy="1862305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54134CFB-CC14-FA0D-4CA7-5BE3E8F4EE9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8800" y="6392972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7509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FAB29C31-621E-BC53-29B0-5C5879CD71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514773"/>
            <a:ext cx="10727999" cy="528990"/>
          </a:xfrm>
          <a:solidFill>
            <a:srgbClr val="FF0000"/>
          </a:solidFill>
        </p:spPr>
        <p:txBody>
          <a:bodyPr anchor="ctr"/>
          <a:lstStyle/>
          <a:p>
            <a:r>
              <a:rPr lang="da-DK" sz="2300" dirty="0"/>
              <a:t>Flugtvejs- og panikbelysning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762308EB-B89C-57EC-2DCB-ACDFC0715F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64B2CBBF-846A-7FE5-808D-FEF3DC98FEB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55353" y="6660467"/>
            <a:ext cx="1294638" cy="168762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A4A3100-E0E7-AB8A-CBEB-A29F8FB592F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37DAD6C4-3623-ECB8-CD61-6574462E7730}"/>
              </a:ext>
            </a:extLst>
          </p:cNvPr>
          <p:cNvSpPr txBox="1"/>
          <p:nvPr/>
        </p:nvSpPr>
        <p:spPr>
          <a:xfrm>
            <a:off x="574674" y="1408471"/>
            <a:ext cx="7206905" cy="459700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b="1" dirty="0"/>
              <a:t>Projektering jf. BR18 vejledning til kapitel 5- Brand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S/EN 1838 Belysning – Nødbelysning.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S/EN 50172 Belysningssystemer til nødudgange.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BI Vejledning nr. 34. Sikkerhedsbelysning.  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b="1" dirty="0"/>
              <a:t>Kontrol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Tx/>
              <a:buChar char="-"/>
            </a:pPr>
            <a:r>
              <a:rPr lang="da-DK" sz="1600" dirty="0"/>
              <a:t>Der skal månedligt laves funktionskontrol.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Tx/>
              <a:buChar char="-"/>
            </a:pPr>
            <a:r>
              <a:rPr lang="da-DK" sz="1600" dirty="0"/>
              <a:t>Der skal hvert halve år laves kontrol af backup strømforsyning.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Tx/>
              <a:buChar char="-"/>
            </a:pPr>
            <a:r>
              <a:rPr lang="da-DK" sz="1600" dirty="0"/>
              <a:t>Hvert 2. år skal der laves serviceeftersyn af autoriseret elinstallatørvirksomhed.</a:t>
            </a:r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Tx/>
              <a:buChar char="-"/>
            </a:pPr>
            <a:r>
              <a:rPr lang="da-DK" sz="1600" dirty="0"/>
              <a:t>Der skal hvert fjerde år laves funktionsafprøvning af akkrediteret virksomhed.</a:t>
            </a:r>
          </a:p>
          <a:p>
            <a:pPr marL="285750" indent="-285750">
              <a:buFontTx/>
              <a:buChar char="-"/>
            </a:pPr>
            <a:r>
              <a:rPr lang="da-DK" sz="1600" dirty="0"/>
              <a:t>Anlæg installeret efter DBI-retningslinje 234 1. udgave, december 2022 </a:t>
            </a:r>
          </a:p>
          <a:p>
            <a:r>
              <a:rPr lang="da-DK" sz="1600" dirty="0"/>
              <a:t>     skal akkrediteres årligt jf. appendiks A afsnit 3.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dirty="0"/>
              <a:t>Andre anlæg før 2018 skal typisk ikke akkrediteres. 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BBF97D73-7297-F6E0-69A1-6E5DC3FB680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745061" y="147666"/>
            <a:ext cx="4311987" cy="3104895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C43B18DB-56FA-F1C6-C773-994FBB79148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42009" y="6404014"/>
            <a:ext cx="1608938" cy="340834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BD299B85-2C17-2248-B6FA-AF546FE69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31459" y="3281334"/>
            <a:ext cx="2471213" cy="342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3917050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278B432-C960-C61F-324D-17875B39F1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4232E929-0052-F2E7-95BC-219383805394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96902FCC-00D1-7C1F-984A-A4C3226F36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80060"/>
            <a:ext cx="10727999" cy="563703"/>
          </a:xfrm>
          <a:noFill/>
        </p:spPr>
        <p:txBody>
          <a:bodyPr anchor="ctr"/>
          <a:lstStyle/>
          <a:p>
            <a:r>
              <a:rPr lang="da-DK" sz="2300" dirty="0"/>
              <a:t> Stigrør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63ADD334-15C1-DBFC-76B6-60B600DB867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1FF8946E-7A5A-777E-4D8F-A5434AACD12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64034" y="6653389"/>
            <a:ext cx="1277276" cy="191798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A30AEEBC-432B-D4C1-95D4-B5B0C27AC58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C11FB208-39EB-5092-B69F-E06B7E6FC97B}"/>
              </a:ext>
            </a:extLst>
          </p:cNvPr>
          <p:cNvSpPr txBox="1"/>
          <p:nvPr/>
        </p:nvSpPr>
        <p:spPr>
          <a:xfrm>
            <a:off x="574674" y="1408471"/>
            <a:ext cx="10727998" cy="459700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4807219A-9996-A272-84FA-509D3BC8F69D}"/>
              </a:ext>
            </a:extLst>
          </p:cNvPr>
          <p:cNvSpPr txBox="1"/>
          <p:nvPr/>
        </p:nvSpPr>
        <p:spPr>
          <a:xfrm>
            <a:off x="574674" y="1335277"/>
            <a:ext cx="10727998" cy="457048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600" dirty="0"/>
              <a:t>Funktionen for et stigrør er, at redningsberedskabet kan fremføre slukningsvand i bygnings primære indsatsveje, men kan også  installeres for at fremføre slukningsvand til andre lokaliteter. </a:t>
            </a:r>
          </a:p>
          <a:p>
            <a:endParaRPr lang="da-DK" sz="1600" dirty="0"/>
          </a:p>
          <a:p>
            <a:pPr>
              <a:spcAft>
                <a:spcPts val="600"/>
              </a:spcAft>
            </a:pPr>
            <a:r>
              <a:rPr lang="da-DK" sz="1600" b="1" dirty="0"/>
              <a:t>Projektering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BI-vejledning 38 1. udgave 2014.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Eksempelsamling 2012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Gældende byggesag med evt. betinget DKV-plan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spcAft>
                <a:spcPts val="600"/>
              </a:spcAft>
            </a:pPr>
            <a:r>
              <a:rPr lang="da-DK" sz="1600" b="1" dirty="0"/>
              <a:t>Kontrol BR18 vejledning til kapitel 5- Brand, kapitel 7 med rettelsesblad 1.januar 2024</a:t>
            </a:r>
          </a:p>
          <a:p>
            <a:pPr marL="285750" indent="-285750">
              <a:buFontTx/>
              <a:buChar char="-"/>
            </a:pPr>
            <a:r>
              <a:rPr lang="da-DK" sz="1600" dirty="0"/>
              <a:t>Der skal udføres halvårligt kontrol af udtagsventiler og slutdæksler. </a:t>
            </a:r>
          </a:p>
          <a:p>
            <a:pPr>
              <a:spcAft>
                <a:spcPts val="600"/>
              </a:spcAft>
            </a:pPr>
            <a:r>
              <a:rPr lang="da-DK" sz="1600" dirty="0"/>
              <a:t>     ( Er slutdæksler låst kan kontrol undlades.)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da-DK" sz="1600" dirty="0"/>
              <a:t>Der skal udføres årlig service.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da-DK" sz="1600" dirty="0"/>
              <a:t>Hvert 10. år skal der laves trykprøvning på 16 bar. </a:t>
            </a:r>
          </a:p>
          <a:p>
            <a:pPr marL="285750" indent="-285750">
              <a:buFontTx/>
              <a:buChar char="-"/>
            </a:pPr>
            <a:r>
              <a:rPr lang="da-DK" sz="1600" dirty="0"/>
              <a:t>Stigrør monteret og godkendt før 2018 kan trykprøves efter tidligere gældende beskrivelse i byggesagen eller </a:t>
            </a:r>
          </a:p>
          <a:p>
            <a:r>
              <a:rPr lang="da-DK" sz="1600" dirty="0"/>
              <a:t>     udarbejdet DKV-plan.</a:t>
            </a:r>
          </a:p>
          <a:p>
            <a:r>
              <a:rPr lang="da-DK" sz="1600" dirty="0"/>
              <a:t> </a:t>
            </a:r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0A58CDED-1F3A-7324-1BB2-A4663BE879E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43012" y="6398399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606058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857465A-27D8-E81A-9906-52E92A30A2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27241422-1D0A-2E58-2236-6822EBBD14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80060"/>
            <a:ext cx="10727999" cy="563703"/>
          </a:xfrm>
          <a:solidFill>
            <a:schemeClr val="tx2"/>
          </a:solidFill>
        </p:spPr>
        <p:txBody>
          <a:bodyPr anchor="ctr"/>
          <a:lstStyle/>
          <a:p>
            <a:r>
              <a:rPr lang="da-DK" sz="2300" dirty="0"/>
              <a:t> Brandmandselevator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7D7F3F60-D260-C44C-91A0-8D7E2971360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C7EEB278-D063-E302-4A94-1375A671F0C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7525C891-12F8-C50C-2B5E-C9808C8AD35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87DACF4D-E0A2-D846-11F5-7CF6E30F0797}"/>
              </a:ext>
            </a:extLst>
          </p:cNvPr>
          <p:cNvSpPr txBox="1"/>
          <p:nvPr/>
        </p:nvSpPr>
        <p:spPr>
          <a:xfrm>
            <a:off x="574674" y="1408471"/>
            <a:ext cx="10727998" cy="459700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  <a:p>
            <a:pPr marL="285750" indent="-28575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da-DK" sz="1600" dirty="0"/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B7B2FECB-8676-4C5D-7204-892959A30A83}"/>
              </a:ext>
            </a:extLst>
          </p:cNvPr>
          <p:cNvSpPr txBox="1"/>
          <p:nvPr/>
        </p:nvSpPr>
        <p:spPr>
          <a:xfrm>
            <a:off x="574674" y="1335277"/>
            <a:ext cx="10727998" cy="212365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Aft>
                <a:spcPts val="600"/>
              </a:spcAft>
            </a:pPr>
            <a:r>
              <a:rPr lang="da-DK" sz="1600" b="1" dirty="0"/>
              <a:t>Før 1. januar 2024</a:t>
            </a:r>
          </a:p>
          <a:p>
            <a:endParaRPr lang="da-DK" sz="1600" b="1" dirty="0"/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Kvartalsvis kontrol og eftersyn. 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Årligt akkrediteret funktionsafprøvning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spcAft>
                <a:spcPts val="600"/>
              </a:spcAft>
            </a:pPr>
            <a:r>
              <a:rPr lang="da-DK" sz="1600" b="1" dirty="0"/>
              <a:t>Efter 1. januar 2024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b="1" dirty="0">
                <a:solidFill>
                  <a:srgbClr val="0070C0"/>
                </a:solidFill>
              </a:rPr>
              <a:t>Kontrol udgået i BR18 vejledning til kapitel 5- Brand.</a:t>
            </a:r>
            <a:r>
              <a:rPr lang="da-DK" sz="1600" b="1" dirty="0"/>
              <a:t> </a:t>
            </a: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E5E5A75B-D40D-2FE2-C7B5-CB3FC9F0001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4740343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98862E-C327-D35B-B05A-22AFAE449CE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92036" y="3171016"/>
            <a:ext cx="5760000" cy="515968"/>
          </a:xfrm>
        </p:spPr>
        <p:txBody>
          <a:bodyPr/>
          <a:lstStyle/>
          <a:p>
            <a:r>
              <a:rPr lang="da-DK" sz="2400" dirty="0"/>
              <a:t>Passiv brandsikring 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70C3DB7-1FF0-5E6D-C11D-62208EFB9AE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6111207A-227D-4B78-8DFE-80BE9559365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097D1D1-599C-BF09-A83B-BC26EAE267A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5562335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006B3BB-0A5F-1E17-BE2F-7B6AF3DCC1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29FCD7F7-32D9-677F-05AD-12DF879FEE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95300"/>
            <a:ext cx="10727999" cy="548463"/>
          </a:xfrm>
          <a:solidFill>
            <a:schemeClr val="tx2"/>
          </a:solidFill>
        </p:spPr>
        <p:txBody>
          <a:bodyPr anchor="ctr"/>
          <a:lstStyle/>
          <a:p>
            <a:r>
              <a:rPr lang="da-DK" sz="2300" dirty="0"/>
              <a:t>Klassifikation af byggevare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E0F27A3D-C287-E5FC-0508-4AC47996B3A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7F5EC15-521E-E322-F11D-40C00C74086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1A94FA83-A048-43AB-0C84-6B3DE7CAAB2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6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F9C18850-0B32-9A0A-3CA7-1567D93A2C7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4123C9B3-96BB-160A-9B41-4945C508238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4674" y="4001399"/>
            <a:ext cx="4092295" cy="1432684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07F6DA86-771D-14F3-3956-6D286E95316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74674" y="1333099"/>
            <a:ext cx="5395428" cy="2225233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533937BC-BC82-DDC5-5D57-822ED5E4BF5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305349" y="1333099"/>
            <a:ext cx="4625741" cy="1905165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4E552DE1-77BC-09A1-5726-B9153202EFA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305349" y="4124778"/>
            <a:ext cx="4732430" cy="24386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1156956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E7F20FE-197E-7DB2-DE05-DBD82500C11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3472A624-DD89-3D86-41B7-FF2AAA2DAB85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50064925-81A2-259C-37FF-3276BED7B2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95300"/>
            <a:ext cx="10727999" cy="548463"/>
          </a:xfrm>
          <a:noFill/>
        </p:spPr>
        <p:txBody>
          <a:bodyPr anchor="ctr"/>
          <a:lstStyle/>
          <a:p>
            <a:r>
              <a:rPr lang="da-DK" sz="2300" dirty="0"/>
              <a:t> Kontrol af passiv brandsikring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D5B4587E-DDDB-41CF-F024-FD9025E3CB16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039626E-F37B-B9A1-2AD8-D4A2C24F192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6C03EA5A-2FE6-8098-DF6F-9BA1B2D8D72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61CA155D-B25F-E1CC-CC8D-DBE89A1CD04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6850EA1A-5316-EB30-061F-47060CDD459C}"/>
              </a:ext>
            </a:extLst>
          </p:cNvPr>
          <p:cNvSpPr txBox="1"/>
          <p:nvPr/>
        </p:nvSpPr>
        <p:spPr>
          <a:xfrm>
            <a:off x="574674" y="1423686"/>
            <a:ext cx="10727999" cy="461664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lnSpc>
                <a:spcPct val="15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Udarbejdet DKV-plan eller DV-plan </a:t>
            </a:r>
          </a:p>
          <a:p>
            <a:pPr marL="285750" indent="-285750" algn="l">
              <a:lnSpc>
                <a:spcPct val="15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Kontrollen skal logføres i 5 år jf. BR18 vejledning til kapitel 5- Brand, kapitel 7 punkt 7.4.3</a:t>
            </a:r>
          </a:p>
          <a:p>
            <a:pPr algn="l">
              <a:spcAft>
                <a:spcPts val="600"/>
              </a:spcAft>
            </a:pPr>
            <a:endParaRPr lang="da-DK" sz="1600" b="1" dirty="0"/>
          </a:p>
          <a:p>
            <a:pPr algn="l">
              <a:spcAft>
                <a:spcPts val="600"/>
              </a:spcAft>
            </a:pPr>
            <a:r>
              <a:rPr lang="da-DK" sz="1600" b="1" dirty="0"/>
              <a:t>Kontrol af synlige og tilgængelige forhold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Brandsektions- og brandceller adskillelser, herunder at alle adskillende konstruktioner, installationer og brandtætninger er intakte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Overflader på gulv, væg og loft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Brandmæssige klassificerede vinduespartier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Brandisolering og brandtætninger af kanal og rørføringer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Tagdækning og tagisolering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Branddøre, brandporte og flugtvejsdøre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Redningsberedskabets brandveje og adgangsveje efterses.</a:t>
            </a:r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/>
            <a:endParaRPr lang="da-DK" sz="1600" b="1" dirty="0"/>
          </a:p>
        </p:txBody>
      </p:sp>
    </p:spTree>
    <p:extLst>
      <p:ext uri="{BB962C8B-B14F-4D97-AF65-F5344CB8AC3E}">
        <p14:creationId xmlns:p14="http://schemas.microsoft.com/office/powerpoint/2010/main" val="376192304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2629A1C-F43D-F973-5F71-5DE4669D1E9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43761145-098B-1B47-474E-2BD30AB19A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518160"/>
            <a:ext cx="10727999" cy="525603"/>
          </a:xfrm>
          <a:solidFill>
            <a:schemeClr val="tx2"/>
          </a:solidFill>
        </p:spPr>
        <p:txBody>
          <a:bodyPr anchor="ctr"/>
          <a:lstStyle/>
          <a:p>
            <a:r>
              <a:rPr lang="da-DK" sz="2300" dirty="0"/>
              <a:t> Kontrol af gennemføringer 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05F4E521-025D-98E4-11E2-E54D34F3748B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CA8948A0-B716-D273-F4F9-77E0450F8E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7BD9AECB-D7DA-2486-E14C-EFF0E0ABF1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8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39333847-0F1F-DD81-941B-007CA45CE81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BBC9B076-D2C0-8B76-8FCC-D8E19A1A6DE1}"/>
              </a:ext>
            </a:extLst>
          </p:cNvPr>
          <p:cNvSpPr txBox="1"/>
          <p:nvPr/>
        </p:nvSpPr>
        <p:spPr>
          <a:xfrm>
            <a:off x="574674" y="1423686"/>
            <a:ext cx="10658555" cy="27546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da-DK" sz="1600" dirty="0"/>
              <a:t>Gennemføringer i brandmæssige adskillelser af f.eks. kabler, rør og ventilationskanaler skal udføres, så adskillelsernes brandmæssige egenskaber ikke forringes.</a:t>
            </a:r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>
              <a:spcAft>
                <a:spcPts val="600"/>
              </a:spcAft>
            </a:pPr>
            <a:r>
              <a:rPr lang="da-DK" sz="1600" b="1" dirty="0"/>
              <a:t>Til kontrol anvendes følgende:</a:t>
            </a:r>
          </a:p>
          <a:p>
            <a:pPr marL="285750" indent="-285750" algn="l">
              <a:spcAft>
                <a:spcPts val="600"/>
              </a:spcAft>
              <a:buFontTx/>
              <a:buChar char="-"/>
            </a:pPr>
            <a:r>
              <a:rPr lang="da-DK" sz="1600" dirty="0"/>
              <a:t>Byggesager fra før 1998.</a:t>
            </a:r>
          </a:p>
          <a:p>
            <a:pPr marL="285750" indent="-285750" algn="l">
              <a:spcAft>
                <a:spcPts val="600"/>
              </a:spcAft>
              <a:buFontTx/>
              <a:buChar char="-"/>
            </a:pPr>
            <a:r>
              <a:rPr lang="da-DK" sz="1600" dirty="0"/>
              <a:t>DBI brandtætninger af gennembrydninger for installationer 1. udgave 1998.</a:t>
            </a:r>
          </a:p>
          <a:p>
            <a:pPr marL="285750" indent="-285750" algn="l">
              <a:spcAft>
                <a:spcPts val="600"/>
              </a:spcAft>
              <a:buFontTx/>
              <a:buChar char="-"/>
            </a:pPr>
            <a:r>
              <a:rPr lang="da-DK" sz="1600" dirty="0"/>
              <a:t>DBI vejledning 31 2. udgave 2005.</a:t>
            </a:r>
          </a:p>
          <a:p>
            <a:pPr marL="285750" indent="-285750" algn="l">
              <a:spcAft>
                <a:spcPts val="600"/>
              </a:spcAft>
              <a:buFontTx/>
              <a:buChar char="-"/>
            </a:pPr>
            <a:r>
              <a:rPr lang="da-DK" sz="1600" dirty="0"/>
              <a:t>BR18 vejledning til kapitel 5- Brand, kapitel 7. </a:t>
            </a:r>
          </a:p>
          <a:p>
            <a:pPr marL="285750" indent="-285750" algn="l">
              <a:spcAft>
                <a:spcPts val="600"/>
              </a:spcAft>
              <a:buFontTx/>
              <a:buChar char="-"/>
            </a:pPr>
            <a:r>
              <a:rPr lang="da-DK" sz="1600" dirty="0"/>
              <a:t>BR18 vejledning til kapitel 5- Brand, kapitel 1, Generel sikkerhed ved brand.</a:t>
            </a:r>
          </a:p>
        </p:txBody>
      </p:sp>
    </p:spTree>
    <p:extLst>
      <p:ext uri="{BB962C8B-B14F-4D97-AF65-F5344CB8AC3E}">
        <p14:creationId xmlns:p14="http://schemas.microsoft.com/office/powerpoint/2010/main" val="225437112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58DEB0E-6EBD-B822-57E4-8D9D3A5F4ED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15F97306-DAF5-8DA2-BD8F-AD5881690C1C}"/>
              </a:ext>
            </a:extLst>
          </p:cNvPr>
          <p:cNvSpPr/>
          <p:nvPr/>
        </p:nvSpPr>
        <p:spPr>
          <a:xfrm>
            <a:off x="0" y="0"/>
            <a:ext cx="12192000" cy="6903719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E995543D-BFDF-578F-C05D-1A8BDC69555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95300"/>
            <a:ext cx="10727999" cy="548463"/>
          </a:xfrm>
          <a:noFill/>
        </p:spPr>
        <p:txBody>
          <a:bodyPr anchor="ctr"/>
          <a:lstStyle/>
          <a:p>
            <a:r>
              <a:rPr lang="da-DK" sz="2300" dirty="0"/>
              <a:t> Eksisterende forhold før 1998 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1D299F3F-6400-2890-E5C4-DBC70913903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89F47080-7C85-7FF2-4555-BB070DC946B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DE3A6315-2385-45FD-3964-8F39E297CE1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9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22D82257-F29C-101C-53FB-65382320F19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31ABA001-239F-9946-8775-7313E25BE870}"/>
              </a:ext>
            </a:extLst>
          </p:cNvPr>
          <p:cNvSpPr txBox="1"/>
          <p:nvPr/>
        </p:nvSpPr>
        <p:spPr>
          <a:xfrm>
            <a:off x="574674" y="1412111"/>
            <a:ext cx="10658555" cy="369331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/>
              <a:t>1961 punkt 6.1.2 </a:t>
            </a:r>
          </a:p>
          <a:p>
            <a:pPr algn="l"/>
            <a:r>
              <a:rPr lang="da-DK" sz="1600" dirty="0"/>
              <a:t>Ved åbninger til gennemføring af ledninger skal der omkring de enkelte gennemføringer tilvejebringes fuldstændig tæthed. Rørgennemføringer skal udføres med bøsning.</a:t>
            </a:r>
          </a:p>
          <a:p>
            <a:pPr algn="l"/>
            <a:endParaRPr lang="da-DK" sz="1600" dirty="0"/>
          </a:p>
          <a:p>
            <a:pPr algn="l"/>
            <a:r>
              <a:rPr lang="da-DK" sz="1600" dirty="0"/>
              <a:t>1982 kapitel 6 stk. 2 </a:t>
            </a:r>
          </a:p>
          <a:p>
            <a:pPr algn="l"/>
            <a:r>
              <a:rPr lang="da-DK" sz="1600" dirty="0"/>
              <a:t>Ved åbninger til gennemføring af ledninger skal der omkring de enkelte gennemføringer tilvejebringes fuldstændig tæthed. Rørgennemføringer skal udføres med bøsning.</a:t>
            </a:r>
          </a:p>
          <a:p>
            <a:pPr algn="l"/>
            <a:r>
              <a:rPr lang="da-DK" sz="1600" dirty="0"/>
              <a:t>Gennemføringer af rør, kanaler og andre installationer skal lukkes tæt på en sådan måde, at sektionsafgrænsningen</a:t>
            </a:r>
          </a:p>
          <a:p>
            <a:pPr algn="l"/>
            <a:r>
              <a:rPr lang="da-DK" sz="1600" dirty="0"/>
              <a:t>brandmæssige egenskab ikke forringes.</a:t>
            </a:r>
          </a:p>
          <a:p>
            <a:pPr algn="l"/>
            <a:endParaRPr lang="da-DK" sz="1600" dirty="0"/>
          </a:p>
          <a:p>
            <a:pPr algn="l"/>
            <a:r>
              <a:rPr lang="da-DK" sz="1600" dirty="0"/>
              <a:t>BR95 6.4.3 </a:t>
            </a:r>
          </a:p>
          <a:p>
            <a:pPr algn="l"/>
            <a:r>
              <a:rPr lang="da-DK" sz="1600" dirty="0"/>
              <a:t>Gennemføringer for installationer i brandvægge og brandsektionsvægge skal lukkes tæt, så adskillelsernes brandmæssige egenskaber ikke forringes.</a:t>
            </a:r>
          </a:p>
          <a:p>
            <a:pPr algn="l"/>
            <a:endParaRPr lang="da-DK" sz="1600" dirty="0"/>
          </a:p>
          <a:p>
            <a:pPr algn="l"/>
            <a:endParaRPr lang="da-DK" sz="1600" dirty="0"/>
          </a:p>
        </p:txBody>
      </p:sp>
    </p:spTree>
    <p:extLst>
      <p:ext uri="{BB962C8B-B14F-4D97-AF65-F5344CB8AC3E}">
        <p14:creationId xmlns:p14="http://schemas.microsoft.com/office/powerpoint/2010/main" val="100553728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5B2317A2-54B8-5B06-EF68-6822D55721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49580"/>
            <a:ext cx="10728000" cy="594183"/>
          </a:xfrm>
          <a:solidFill>
            <a:schemeClr val="tx2"/>
          </a:solidFill>
        </p:spPr>
        <p:txBody>
          <a:bodyPr anchor="ctr"/>
          <a:lstStyle/>
          <a:p>
            <a:r>
              <a:rPr lang="da-DK" sz="2400" dirty="0"/>
              <a:t> Brandtekniske installationer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BE7F8D45-C346-F10F-C0E2-3ED1074A540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4674" y="1921445"/>
            <a:ext cx="5184000" cy="3981450"/>
          </a:xfrm>
        </p:spPr>
        <p:txBody>
          <a:bodyPr/>
          <a:lstStyle/>
          <a:p>
            <a:pPr>
              <a:lnSpc>
                <a:spcPct val="100000"/>
              </a:lnSpc>
              <a:spcAft>
                <a:spcPts val="0"/>
              </a:spcAft>
            </a:pPr>
            <a:r>
              <a:rPr lang="da-DK" sz="1600" dirty="0"/>
              <a:t>ABA-anlæg automatisk brandalarmanlæg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endParaRPr lang="da-DK" sz="1600" dirty="0"/>
          </a:p>
          <a:p>
            <a:r>
              <a:rPr lang="da-DK" sz="1600" dirty="0"/>
              <a:t>AVS-anlæg automatisk sprinkleranlæg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ATA-anlæg automatisk tryksætningsanlæg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Flugtvejs- og panikbelysningsanlæg</a:t>
            </a:r>
          </a:p>
          <a:p>
            <a:endParaRPr lang="da-DK" sz="1600" dirty="0"/>
          </a:p>
          <a:p>
            <a:r>
              <a:rPr lang="da-DK" sz="1600" dirty="0"/>
              <a:t>Røgalarmanlæg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Røgudluftning</a:t>
            </a:r>
          </a:p>
          <a:p>
            <a:endParaRPr lang="da-DK" sz="1600" dirty="0"/>
          </a:p>
          <a:p>
            <a:r>
              <a:rPr lang="da-DK" sz="1600" dirty="0"/>
              <a:t>ABV-anlæg Automatisk brandventilation 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CE0E5162-28D6-155A-DF2C-D464692490C9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18675" y="1921445"/>
            <a:ext cx="5184000" cy="3981450"/>
          </a:xfrm>
        </p:spPr>
        <p:txBody>
          <a:bodyPr/>
          <a:lstStyle/>
          <a:p>
            <a:r>
              <a:rPr lang="da-DK" sz="1600" dirty="0"/>
              <a:t>(AVA-IVA) varslingsanlæg 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Ventilationsanlæg </a:t>
            </a:r>
          </a:p>
          <a:p>
            <a:endParaRPr lang="da-DK" sz="1600" dirty="0"/>
          </a:p>
          <a:p>
            <a:r>
              <a:rPr lang="da-DK" sz="1600" dirty="0"/>
              <a:t>ABDL-anlæg automatisk branddørslukningsanlæg</a:t>
            </a:r>
          </a:p>
          <a:p>
            <a:endParaRPr lang="da-DK" sz="1600" dirty="0"/>
          </a:p>
          <a:p>
            <a:r>
              <a:rPr lang="da-DK" sz="1600" dirty="0"/>
              <a:t>Brandmandselevator</a:t>
            </a:r>
          </a:p>
          <a:p>
            <a:endParaRPr lang="da-DK" sz="1600" dirty="0"/>
          </a:p>
          <a:p>
            <a:r>
              <a:rPr lang="da-DK" sz="1600" dirty="0"/>
              <a:t>Slangevinder</a:t>
            </a:r>
          </a:p>
          <a:p>
            <a:endParaRPr lang="da-DK" sz="1600" dirty="0"/>
          </a:p>
          <a:p>
            <a:r>
              <a:rPr lang="da-DK" sz="1600" dirty="0"/>
              <a:t>Stigrør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F6CA5F9D-F3C2-E6AB-B7F9-4D08D98FD5B8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096B0E98-BF32-EB29-A993-EB6FD1ED702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75612" y="6653389"/>
            <a:ext cx="1254126" cy="168762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DD2AE7FD-2E42-FCB2-1709-AE90CD246CB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25C16F46-19A8-AF7B-A9F9-FEFECDBF1B9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59" y="6391172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7744140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B8DC74-8188-D1F4-CF3C-0DB53C71D89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E41C0D92-EEFC-6E6D-F4A5-54549A2631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60587"/>
            <a:ext cx="10727999" cy="583176"/>
          </a:xfrm>
          <a:solidFill>
            <a:srgbClr val="FF0000"/>
          </a:solidFill>
        </p:spPr>
        <p:txBody>
          <a:bodyPr anchor="ctr"/>
          <a:lstStyle/>
          <a:p>
            <a:r>
              <a:rPr lang="da-DK" sz="2300" dirty="0"/>
              <a:t> Eksisterende forhold 1998 - 2018 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95A04FE8-E606-49FA-9935-2E793A710D8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A7CCFC96-7BCA-6EFD-B5A0-A5FD897BFF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281DC7E9-16EC-4B2B-B8E0-820F7F01AEF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0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E96046A1-F278-64FE-6430-BB984FCED9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1EB2AE6D-F0AC-AD7D-26DF-A004FD9A89CF}"/>
              </a:ext>
            </a:extLst>
          </p:cNvPr>
          <p:cNvSpPr txBox="1"/>
          <p:nvPr/>
        </p:nvSpPr>
        <p:spPr>
          <a:xfrm>
            <a:off x="574674" y="1412111"/>
            <a:ext cx="10658555" cy="44319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/>
              <a:t>Vejledningen er et samlet opslag af god praksis og valg, ved udførelse samt vedligeholdelse af brandtætninger til kabler, rør, ventilationskanaler og lignede. Vejledningen tager udgangspunkt i BR95. </a:t>
            </a:r>
          </a:p>
          <a:p>
            <a:pPr algn="l"/>
            <a:endParaRPr lang="da-DK" sz="1600" dirty="0"/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dirty="0">
                <a:solidFill>
                  <a:schemeClr val="accent3"/>
                </a:solidFill>
              </a:rPr>
              <a:t>Vejledningen er trukket tilbage af DBI, og kan ikke længere anvendes i </a:t>
            </a:r>
          </a:p>
          <a:p>
            <a:pPr algn="l"/>
            <a:r>
              <a:rPr lang="da-DK" sz="1600" dirty="0">
                <a:solidFill>
                  <a:schemeClr val="accent3"/>
                </a:solidFill>
              </a:rPr>
              <a:t>     byggeri opført i henhold til bygningsreglement BR18.</a:t>
            </a:r>
          </a:p>
          <a:p>
            <a:pPr algn="l"/>
            <a:endParaRPr lang="da-DK" sz="1600" dirty="0"/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dirty="0"/>
              <a:t>Vejledningen kan anvendes til kontrol af eksisterende godkendte brandlukninger </a:t>
            </a:r>
          </a:p>
          <a:p>
            <a:pPr algn="l"/>
            <a:r>
              <a:rPr lang="da-DK" sz="1600" dirty="0"/>
              <a:t>     lavet i henhold til BTV 31 betinget i byggeri før 2018.</a:t>
            </a:r>
          </a:p>
          <a:p>
            <a:pPr algn="l"/>
            <a:endParaRPr lang="da-DK" sz="1600" dirty="0"/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dirty="0"/>
              <a:t>Eksisterende lukninger som skal repareres kan lukkes som godkendt i BTV 31. </a:t>
            </a:r>
          </a:p>
          <a:p>
            <a:pPr algn="l"/>
            <a:endParaRPr lang="da-DK" sz="1600" dirty="0"/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dirty="0"/>
              <a:t>Såfremt der er anvendt MK-godkendte produkter efter BTV 31 </a:t>
            </a:r>
          </a:p>
          <a:p>
            <a:pPr algn="l"/>
            <a:r>
              <a:rPr lang="da-DK" sz="1600" dirty="0"/>
              <a:t>     skal der være opsat mærkat.</a:t>
            </a:r>
          </a:p>
          <a:p>
            <a:pPr algn="l"/>
            <a:endParaRPr lang="da-DK" sz="1600" dirty="0"/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dirty="0"/>
              <a:t>Der er særlige undtagelser til gennemføringer i etageejendomme. 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dirty="0"/>
              <a:t>Er der anvendt brandlukningsmateriale skal det være monteret jf. </a:t>
            </a:r>
          </a:p>
          <a:p>
            <a:pPr algn="l"/>
            <a:r>
              <a:rPr lang="da-DK" sz="1600" dirty="0"/>
              <a:t>     leverandørens anvisninger.</a:t>
            </a:r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08D04CA-937B-4D7A-D6A2-256AA0429E6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598564" y="2338078"/>
            <a:ext cx="2881132" cy="39255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761586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0A26818-75C1-7566-D2DE-60425E7DA9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D42FFD1B-7644-EED5-B672-9AE2B779EE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300" dirty="0"/>
              <a:t> Eksisterende forhold 1998 - 2018 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8EF30960-ECE0-274F-879C-0379331CFF35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12030E50-38E8-6A0C-1A52-0A438BC7FD0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249FDE2D-E2AC-4C8E-49DF-BE56FC33750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1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79EA0857-5A5D-AD3E-977D-8710252210A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1DD0405D-0FD1-D2F1-9834-45B2EC64C29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4674" y="1241385"/>
            <a:ext cx="3372574" cy="4496765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83CDDA4B-9BC6-C657-8E72-457C78CD3EA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80600" y="1241385"/>
            <a:ext cx="3372574" cy="4496765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92880F82-D6CE-2843-C515-7F6B9F24111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86526" y="1241386"/>
            <a:ext cx="3372574" cy="4496764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732E8A5E-6A4F-461E-527C-3C62766AAE71}"/>
              </a:ext>
            </a:extLst>
          </p:cNvPr>
          <p:cNvSpPr txBox="1"/>
          <p:nvPr/>
        </p:nvSpPr>
        <p:spPr>
          <a:xfrm>
            <a:off x="1812746" y="5819339"/>
            <a:ext cx="89642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/>
              <a:t>Plastrør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1A1A13AF-6922-5017-5FDF-757DB96E2A2B}"/>
              </a:ext>
            </a:extLst>
          </p:cNvPr>
          <p:cNvSpPr txBox="1"/>
          <p:nvPr/>
        </p:nvSpPr>
        <p:spPr>
          <a:xfrm>
            <a:off x="5026976" y="5838202"/>
            <a:ext cx="156218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/>
              <a:t>Vandførende rør</a:t>
            </a: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B3FB62E5-904C-A3D1-F997-351C9617EECE}"/>
              </a:ext>
            </a:extLst>
          </p:cNvPr>
          <p:cNvSpPr txBox="1"/>
          <p:nvPr/>
        </p:nvSpPr>
        <p:spPr>
          <a:xfrm>
            <a:off x="8906966" y="5838202"/>
            <a:ext cx="89642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/>
              <a:t>Stålrør</a:t>
            </a:r>
          </a:p>
        </p:txBody>
      </p:sp>
    </p:spTree>
    <p:extLst>
      <p:ext uri="{BB962C8B-B14F-4D97-AF65-F5344CB8AC3E}">
        <p14:creationId xmlns:p14="http://schemas.microsoft.com/office/powerpoint/2010/main" val="36696973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411B48B-140E-E206-B3A6-39DF853C4DB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BB32693A-51B7-68EB-CCE7-5274D4635105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7E4A3EB5-8750-4458-5144-99176F234A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300" dirty="0"/>
              <a:t>Kontrol af gennemføringer efter BR18 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5B165579-690B-C7D9-9EB5-36DF587102F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CD355719-7C92-C277-9B8F-805C5F68453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D1086530-81EA-89F2-1975-EA4DDFAEF0C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2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49F5C1AF-6F77-6EE4-38DA-35ED1C823AF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BA2025B9-8359-B19F-C852-25B8D9437C00}"/>
              </a:ext>
            </a:extLst>
          </p:cNvPr>
          <p:cNvSpPr txBox="1"/>
          <p:nvPr/>
        </p:nvSpPr>
        <p:spPr>
          <a:xfrm>
            <a:off x="574675" y="1362141"/>
            <a:ext cx="7585558" cy="48787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/>
              <a:t>Kontrol af synlige- og tilgængelige forhold </a:t>
            </a:r>
          </a:p>
          <a:p>
            <a:pPr algn="l"/>
            <a:endParaRPr lang="da-DK" sz="1600" dirty="0"/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sz="1600" dirty="0"/>
              <a:t>Kontroller om fuger er løse eller har større revner.</a:t>
            </a:r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sz="1600" dirty="0"/>
              <a:t>Kontroller om der er hul i brandplade.</a:t>
            </a:r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sz="1600" dirty="0"/>
              <a:t>Kontroller om manchet eller brandbøsning er fastgjort.</a:t>
            </a:r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sz="1600" dirty="0"/>
              <a:t>Kontroller om isolering er intakt. </a:t>
            </a:r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sz="1600" dirty="0"/>
              <a:t>Kontroller om installationen er udført korrekt jf. installationsvejledningen.</a:t>
            </a:r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sz="1600" dirty="0"/>
              <a:t>At der er anvendt godkendt materiale.</a:t>
            </a:r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endParaRPr lang="da-DK" sz="1600" dirty="0"/>
          </a:p>
          <a:p>
            <a:pPr algn="ctr">
              <a:lnSpc>
                <a:spcPct val="150000"/>
              </a:lnSpc>
            </a:pPr>
            <a:r>
              <a:rPr lang="da-DK" sz="1600" dirty="0">
                <a:solidFill>
                  <a:srgbClr val="FF0000"/>
                </a:solidFill>
              </a:rPr>
              <a:t> </a:t>
            </a:r>
            <a:r>
              <a:rPr lang="da-DK" sz="1600" dirty="0">
                <a:solidFill>
                  <a:schemeClr val="accent3"/>
                </a:solidFill>
              </a:rPr>
              <a:t>BYGNINGSEJER ER OGSÅ ANSVARLIG FOR GENNEMFØRINGER </a:t>
            </a:r>
          </a:p>
          <a:p>
            <a:pPr algn="ctr">
              <a:lnSpc>
                <a:spcPct val="150000"/>
              </a:lnSpc>
            </a:pPr>
            <a:r>
              <a:rPr lang="da-DK" sz="1600" dirty="0">
                <a:solidFill>
                  <a:schemeClr val="accent3"/>
                </a:solidFill>
              </a:rPr>
              <a:t>SOM IKKE ER SYNLIGE OG TILGÆNGELIGE</a:t>
            </a:r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sz="1600" dirty="0"/>
              <a:t>Over nedsænket loft </a:t>
            </a:r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sz="1600" dirty="0"/>
              <a:t>I teknikskakt</a:t>
            </a:r>
          </a:p>
          <a:p>
            <a:pPr marL="285750" indent="-285750"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sz="1600" dirty="0"/>
              <a:t>I kælder i etagedæk</a:t>
            </a:r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DA71DD5E-E384-2400-E0CA-EAA46105250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293498" y="1187001"/>
            <a:ext cx="1981152" cy="2641536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5B16D7EF-C3BE-A3AA-E37F-2E18935231D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17723" y="2737780"/>
            <a:ext cx="2029393" cy="2709221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47C6C722-F8F1-43B5-6030-74FDDA4AB376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l="50000" b="22325"/>
          <a:stretch>
            <a:fillRect/>
          </a:stretch>
        </p:blipFill>
        <p:spPr>
          <a:xfrm>
            <a:off x="8239043" y="4210237"/>
            <a:ext cx="1981152" cy="23531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318003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789F45-2F98-85B0-BDB1-F21A0E3D31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6F74E803-8C77-0DA2-BDA5-2B26917798F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87680"/>
            <a:ext cx="10727999" cy="556083"/>
          </a:xfrm>
          <a:solidFill>
            <a:schemeClr val="tx2"/>
          </a:solidFill>
        </p:spPr>
        <p:txBody>
          <a:bodyPr anchor="ctr"/>
          <a:lstStyle/>
          <a:p>
            <a:r>
              <a:rPr lang="da-DK" sz="2300" dirty="0"/>
              <a:t> Beklædning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E342EDD9-E616-1479-090C-5AF6E61997BB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E10CB393-E93A-D3DF-8C9A-B1B30EC285A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6B80858B-1800-AC3A-0E9E-A06D28C225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3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B2BAB290-4649-7FF9-4ADB-57F15452617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22192844-0900-7FE6-F648-942A4E1E8F00}"/>
              </a:ext>
            </a:extLst>
          </p:cNvPr>
          <p:cNvSpPr txBox="1"/>
          <p:nvPr/>
        </p:nvSpPr>
        <p:spPr>
          <a:xfrm>
            <a:off x="574674" y="1423686"/>
            <a:ext cx="10727999" cy="38010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da-DK" sz="1600" dirty="0"/>
              <a:t>Indvendig vægbeklædning er den yderste del af en lodret bygningsdel som yder beskyttelse til bagvedliggende </a:t>
            </a:r>
          </a:p>
          <a:p>
            <a:pPr algn="l">
              <a:spcAft>
                <a:spcPts val="600"/>
              </a:spcAft>
            </a:pPr>
            <a:r>
              <a:rPr lang="da-DK" sz="1600" dirty="0"/>
              <a:t>materiale</a:t>
            </a:r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>
              <a:spcAft>
                <a:spcPts val="600"/>
              </a:spcAft>
            </a:pPr>
            <a:r>
              <a:rPr lang="da-DK" sz="1600" b="1" dirty="0"/>
              <a:t>Egenkontrol</a:t>
            </a:r>
          </a:p>
          <a:p>
            <a:pPr marL="285750" indent="-285750" algn="l">
              <a:spcAft>
                <a:spcPts val="600"/>
              </a:spcAft>
              <a:buFontTx/>
              <a:buChar char="-"/>
            </a:pPr>
            <a:r>
              <a:rPr lang="da-DK" sz="1600" dirty="0"/>
              <a:t>Det kontrolleres at beklædningen ikke er i stykker. </a:t>
            </a:r>
          </a:p>
          <a:p>
            <a:pPr marL="285750" indent="-285750" algn="l">
              <a:spcAft>
                <a:spcPts val="600"/>
              </a:spcAft>
              <a:buFontTx/>
              <a:buChar char="-"/>
            </a:pPr>
            <a:endParaRPr lang="da-DK" sz="1600" dirty="0"/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>
              <a:spcAft>
                <a:spcPts val="600"/>
              </a:spcAft>
            </a:pPr>
            <a:r>
              <a:rPr lang="da-DK" sz="1600" b="1" dirty="0"/>
              <a:t>Indvendig komplettering </a:t>
            </a:r>
          </a:p>
          <a:p>
            <a:pPr algn="l">
              <a:spcAft>
                <a:spcPts val="600"/>
              </a:spcAft>
            </a:pPr>
            <a:r>
              <a:rPr lang="da-DK" sz="1600" dirty="0"/>
              <a:t>Komplettering er monteret uden på en beklædning og er oftest anvendt som lyd regulering.</a:t>
            </a:r>
          </a:p>
          <a:p>
            <a:pPr algn="l">
              <a:spcAft>
                <a:spcPts val="600"/>
              </a:spcAft>
            </a:pPr>
            <a:r>
              <a:rPr lang="da-DK" sz="1600" dirty="0"/>
              <a:t>- B s1,d0 eller D-s2,d2.</a:t>
            </a:r>
          </a:p>
          <a:p>
            <a:pPr algn="l">
              <a:spcAft>
                <a:spcPts val="600"/>
              </a:spcAft>
            </a:pPr>
            <a:endParaRPr lang="da-DK" sz="1600" b="1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12C1BF38-D388-4590-4FA8-8EE9143DD4F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705254" y="1664413"/>
            <a:ext cx="1137258" cy="1684183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655599CA-F543-50A0-C9C5-AC2A552F719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875436" y="4001058"/>
            <a:ext cx="1311776" cy="18077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1282726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F5E29E-9363-BDB1-E82E-DE62216FE4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>
            <a:extLst>
              <a:ext uri="{FF2B5EF4-FFF2-40B4-BE49-F238E27FC236}">
                <a16:creationId xmlns:a16="http://schemas.microsoft.com/office/drawing/2014/main" id="{07A91207-D954-8739-FF77-6BF3EFA2D82D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446AE7BD-33B4-6F1F-901A-CE499C4A25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87680"/>
            <a:ext cx="10727999" cy="556083"/>
          </a:xfrm>
          <a:noFill/>
        </p:spPr>
        <p:txBody>
          <a:bodyPr anchor="ctr"/>
          <a:lstStyle/>
          <a:p>
            <a:r>
              <a:rPr lang="da-DK" sz="2300" dirty="0"/>
              <a:t> Indvendig loft beklædning 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26BF534D-A2C9-0E05-976A-579596A1D6A8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F4B71733-B1C5-1F70-664E-4DD61F3F210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02671841-A57F-5A34-F61D-81B899B87C0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4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6CC7F208-6A68-41A4-1B01-FB8B249AE62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54A5D6C4-53CE-9DC3-6E82-E94F95B9FEEE}"/>
              </a:ext>
            </a:extLst>
          </p:cNvPr>
          <p:cNvSpPr txBox="1"/>
          <p:nvPr/>
        </p:nvSpPr>
        <p:spPr>
          <a:xfrm>
            <a:off x="574674" y="1423686"/>
            <a:ext cx="8349407" cy="34009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da-DK" sz="1600" dirty="0"/>
              <a:t>Loftbeklædning er den nederste del af en vandret/skråtstillet bygningsdel. Beklædningen skal yde brandbeskyttelse til bagvedliggende materiale.  </a:t>
            </a:r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>
              <a:spcAft>
                <a:spcPts val="600"/>
              </a:spcAft>
            </a:pPr>
            <a:r>
              <a:rPr lang="da-DK" sz="1600" b="1" dirty="0"/>
              <a:t>Egenkontrol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et kontrolleres kravet i brandstrategi eller byggesag er overholdt 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Evt. puds ikke er faldet ned fra loftet i ældre ejendomme.</a:t>
            </a:r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>
              <a:spcAft>
                <a:spcPts val="600"/>
              </a:spcAft>
            </a:pPr>
            <a:r>
              <a:rPr lang="da-DK" sz="1600" b="1" dirty="0"/>
              <a:t>Hjælpemidler: 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Byggesag før 2018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Brandstrategi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KV-plan betinget i byggesagen.</a:t>
            </a:r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9D226C72-BA8A-54D4-9FF9-10B502C14C1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 bwMode="auto">
          <a:xfrm rot="5400000">
            <a:off x="8358617" y="1603356"/>
            <a:ext cx="3229209" cy="2422164"/>
          </a:xfrm>
          <a:prstGeom prst="rect">
            <a:avLst/>
          </a:prstGeom>
          <a:noFill/>
          <a:ln>
            <a:noFill/>
          </a:ln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54178292-3FA3-FE54-8C75-BCB54D2AC56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260990" y="3038119"/>
            <a:ext cx="2422165" cy="3229553"/>
          </a:xfrm>
          <a:prstGeom prst="rect">
            <a:avLst/>
          </a:prstGeom>
        </p:spPr>
      </p:pic>
      <p:cxnSp>
        <p:nvCxnSpPr>
          <p:cNvPr id="12" name="Lige pilforbindelse 11">
            <a:extLst>
              <a:ext uri="{FF2B5EF4-FFF2-40B4-BE49-F238E27FC236}">
                <a16:creationId xmlns:a16="http://schemas.microsoft.com/office/drawing/2014/main" id="{0D208F75-AAC8-1128-8DD8-2083099D9B9E}"/>
              </a:ext>
            </a:extLst>
          </p:cNvPr>
          <p:cNvCxnSpPr/>
          <p:nvPr/>
        </p:nvCxnSpPr>
        <p:spPr>
          <a:xfrm>
            <a:off x="9898380" y="1897380"/>
            <a:ext cx="0" cy="457200"/>
          </a:xfrm>
          <a:prstGeom prst="straightConnector1">
            <a:avLst/>
          </a:prstGeom>
          <a:ln w="3810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58870731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6BA0F7-D9FC-0A99-DE9F-D64A4CB41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92A8915-5E02-5591-0754-F69D68B748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518160"/>
            <a:ext cx="10727999" cy="525603"/>
          </a:xfrm>
          <a:solidFill>
            <a:schemeClr val="tx2"/>
          </a:solidFill>
        </p:spPr>
        <p:txBody>
          <a:bodyPr anchor="ctr"/>
          <a:lstStyle/>
          <a:p>
            <a:r>
              <a:rPr lang="da-DK" sz="2300" dirty="0"/>
              <a:t> Indvendig nedhængt loft 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92A1DF18-57A3-FCAB-E835-992FEC2F347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E835BDA-2ED1-6102-980F-72B6B9C9B84F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3155" y="6681600"/>
            <a:ext cx="1239034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94CC9E3-665D-3069-B45B-0F0F32DED03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5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E1E3E97C-FE5E-6409-60A6-E959B84C6AC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8B0DAEE7-4234-4630-2F8D-1376B81E153F}"/>
              </a:ext>
            </a:extLst>
          </p:cNvPr>
          <p:cNvSpPr txBox="1"/>
          <p:nvPr/>
        </p:nvSpPr>
        <p:spPr>
          <a:xfrm>
            <a:off x="574674" y="1423686"/>
            <a:ext cx="8349407" cy="37240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da-DK" sz="1600" dirty="0"/>
              <a:t>Nedhængt loft er placeret under indvendig loftbeklædning, og må ikke bidrage til brand- og røgspredning.</a:t>
            </a:r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>
              <a:spcAft>
                <a:spcPts val="600"/>
              </a:spcAft>
            </a:pPr>
            <a:r>
              <a:rPr lang="da-DK" sz="1600" b="1" dirty="0"/>
              <a:t>Egenkontrol</a:t>
            </a:r>
          </a:p>
          <a:p>
            <a:pPr algn="l">
              <a:spcAft>
                <a:spcPts val="600"/>
              </a:spcAft>
            </a:pPr>
            <a:r>
              <a:rPr lang="da-DK" sz="1600" dirty="0"/>
              <a:t>Det kontrolleres at materiale og ophængningssystem er følgende: </a:t>
            </a:r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>
              <a:spcAft>
                <a:spcPts val="600"/>
              </a:spcAft>
            </a:pPr>
            <a:r>
              <a:rPr lang="da-DK" sz="1600" dirty="0"/>
              <a:t>Anvendelseskategori 1-6 : B</a:t>
            </a:r>
            <a:r>
              <a:rPr lang="da-DK" sz="1000" dirty="0"/>
              <a:t>  </a:t>
            </a:r>
            <a:r>
              <a:rPr lang="da-DK" sz="1600" dirty="0"/>
              <a:t>s1,d0</a:t>
            </a:r>
            <a:r>
              <a:rPr lang="da-DK" sz="1000" dirty="0"/>
              <a:t> </a:t>
            </a:r>
            <a:endParaRPr lang="da-DK" sz="1600" dirty="0"/>
          </a:p>
          <a:p>
            <a:pPr algn="l">
              <a:spcAft>
                <a:spcPts val="600"/>
              </a:spcAft>
            </a:pPr>
            <a:endParaRPr lang="da-DK" sz="1600" dirty="0"/>
          </a:p>
          <a:p>
            <a:pPr algn="l">
              <a:spcAft>
                <a:spcPts val="600"/>
              </a:spcAft>
            </a:pPr>
            <a:r>
              <a:rPr lang="da-DK" sz="1600" b="1" dirty="0"/>
              <a:t>Hjælpemidler: 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Byggesag før 2018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Brandstrategi.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KV-plan betinget i byggesagen.</a:t>
            </a:r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79871859-7A66-B949-CADF-ADAB5FFCF5C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168887" y="1775791"/>
            <a:ext cx="2133785" cy="12345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250375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49691F7F-82D5-0A41-D0E6-5C3FC43B838A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74674" y="1872001"/>
            <a:ext cx="3441913" cy="688320"/>
          </a:xfrm>
        </p:spPr>
        <p:txBody>
          <a:bodyPr/>
          <a:lstStyle/>
          <a:p>
            <a:r>
              <a:rPr lang="da-DK" sz="2400" dirty="0"/>
              <a:t>Tak for i dag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2A4EDB5-68ED-5642-6CBF-B90AAE299431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C24F8FA-A2A0-2DD6-57FF-107F377D46DD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6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379C083F-E77B-4DF8-7F1B-79DBD646408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5138" y="6392972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267410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ktangel 8">
            <a:extLst>
              <a:ext uri="{FF2B5EF4-FFF2-40B4-BE49-F238E27FC236}">
                <a16:creationId xmlns:a16="http://schemas.microsoft.com/office/drawing/2014/main" id="{9FE81CD3-F38C-1F54-D557-F28ABF4156B8}"/>
              </a:ext>
            </a:extLst>
          </p:cNvPr>
          <p:cNvSpPr/>
          <p:nvPr/>
        </p:nvSpPr>
        <p:spPr>
          <a:xfrm>
            <a:off x="-14514" y="0"/>
            <a:ext cx="12206514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A3E29EB3-3FCD-A42C-83A5-943654E1D7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600867"/>
            <a:ext cx="10727999" cy="442896"/>
          </a:xfrm>
        </p:spPr>
        <p:txBody>
          <a:bodyPr/>
          <a:lstStyle/>
          <a:p>
            <a:r>
              <a:rPr lang="da-DK" sz="2400" dirty="0"/>
              <a:t>Materiale for kontrol af brandtekniske installationer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3F078E09-4FDA-BB59-60BA-1A707A7530A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47A4521D-29A8-56FA-51A4-1D87DDF512F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1080" y="6653389"/>
            <a:ext cx="1243187" cy="1800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9E6142B6-9A02-E513-D3E1-E04B3EB618D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69E327C5-83D9-0FB6-FFA5-69FD20EDB07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24478" y="75664"/>
            <a:ext cx="2399881" cy="2974971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B72436F7-C067-29BF-1320-33B3DF5FB18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46504" y="860703"/>
            <a:ext cx="2411293" cy="2974971"/>
          </a:xfrm>
          <a:prstGeom prst="rect">
            <a:avLst/>
          </a:prstGeom>
        </p:spPr>
      </p:pic>
      <p:sp>
        <p:nvSpPr>
          <p:cNvPr id="13" name="Pladsholder til indhold 12">
            <a:extLst>
              <a:ext uri="{FF2B5EF4-FFF2-40B4-BE49-F238E27FC236}">
                <a16:creationId xmlns:a16="http://schemas.microsoft.com/office/drawing/2014/main" id="{77C9954C-C239-83DA-5A4A-EFBD0FEFC75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600" dirty="0"/>
              <a:t>Godkendte byggesag. </a:t>
            </a:r>
          </a:p>
          <a:p>
            <a:endParaRPr lang="da-DK" sz="1600" dirty="0"/>
          </a:p>
          <a:p>
            <a:r>
              <a:rPr lang="da-DK" sz="1600" dirty="0"/>
              <a:t>Udarbejdet DKV-plan betinget i byggesagen.</a:t>
            </a:r>
          </a:p>
          <a:p>
            <a:endParaRPr lang="da-DK" sz="1600" dirty="0"/>
          </a:p>
          <a:p>
            <a:r>
              <a:rPr lang="da-DK" sz="1600" dirty="0"/>
              <a:t>BR18 vejledning til kapitel 5- Brand, kapitel 7. </a:t>
            </a:r>
          </a:p>
          <a:p>
            <a:endParaRPr lang="da-DK" sz="1600" dirty="0"/>
          </a:p>
          <a:p>
            <a:r>
              <a:rPr lang="da-DK" sz="1600" dirty="0"/>
              <a:t>Retningslinje for projekteret anlæg.</a:t>
            </a:r>
          </a:p>
          <a:p>
            <a:endParaRPr lang="da-DK" sz="1600" dirty="0"/>
          </a:p>
          <a:p>
            <a:r>
              <a:rPr lang="da-DK" sz="1600" dirty="0"/>
              <a:t>Tilslutningsaftale til beredskab. </a:t>
            </a:r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76C325E-9155-6CC8-EF6B-4F777A7F9A7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8759" y="6391172"/>
            <a:ext cx="1608938" cy="340834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816FCC16-CABC-87E1-5F94-1B4A41C539C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112025" y="2057156"/>
            <a:ext cx="2423542" cy="3557035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2A49BB36-BD52-6CD1-0A00-25EE31FF66E5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5740"/>
          <a:stretch>
            <a:fillRect/>
          </a:stretch>
        </p:blipFill>
        <p:spPr>
          <a:xfrm>
            <a:off x="6527151" y="3199487"/>
            <a:ext cx="2435270" cy="35704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318721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5BB7F3BA-7C82-4F5B-65DA-1A300C0730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336884"/>
            <a:ext cx="10728000" cy="706879"/>
          </a:xfrm>
          <a:solidFill>
            <a:schemeClr val="tx2"/>
          </a:solidFill>
        </p:spPr>
        <p:txBody>
          <a:bodyPr anchor="ctr"/>
          <a:lstStyle/>
          <a:p>
            <a:r>
              <a:rPr lang="da-DK" sz="2400" dirty="0"/>
              <a:t> Lovgivning</a:t>
            </a:r>
            <a:r>
              <a:rPr lang="da-DK" dirty="0">
                <a:solidFill>
                  <a:schemeClr val="bg1"/>
                </a:solidFill>
              </a:rPr>
              <a:t>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175A9E16-DCE9-871D-0CFF-2FF675712E1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4674" y="1438275"/>
            <a:ext cx="10728000" cy="3981450"/>
          </a:xfrm>
        </p:spPr>
        <p:txBody>
          <a:bodyPr/>
          <a:lstStyle/>
          <a:p>
            <a:r>
              <a:rPr lang="da-DK" sz="1600" dirty="0"/>
              <a:t>Eksisterende bygninger uden godkendt drift-, kontrol- og vedligeholdelsesplan skal drives, kontrolleres og vedligeholdes i henhold til Bygningsreglementets vejledning til kapitel 5 – Brand, kapitel 7.</a:t>
            </a:r>
          </a:p>
          <a:p>
            <a:endParaRPr lang="da-DK" sz="1600" dirty="0"/>
          </a:p>
          <a:p>
            <a:r>
              <a:rPr lang="da-DK" sz="1600" dirty="0"/>
              <a:t>BR18, § 141, stk. 4 stiller ikke krav om løbende akkrediteret funktionstest af brandtekniske installationer, der er etableret efter tidligere regler.</a:t>
            </a:r>
          </a:p>
          <a:p>
            <a:pPr marL="0" indent="0">
              <a:buNone/>
            </a:pPr>
            <a:r>
              <a:rPr lang="da-DK" sz="1600" dirty="0"/>
              <a:t>   For disse anlæg kan eksisterende test- og inspektionsprocedure fortsætte, hvis det fremgår af byggetilladelsen.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Den akkrediteret funktionsafprøvning skal foretages iht. den projekteringsstandard installationen er projekteret efter, og i overensstemmelse med det akkrediteret inspektionsorgans retningslinjer og godkendelse.</a:t>
            </a:r>
          </a:p>
          <a:p>
            <a:endParaRPr lang="da-DK" sz="1600" dirty="0"/>
          </a:p>
          <a:p>
            <a:r>
              <a:rPr lang="da-DK" sz="1600" dirty="0"/>
              <a:t>Den fortaget kontrol, eftersyn og funktionsafprøvning skal kunne dokumenteres 5 år tilbage. </a:t>
            </a:r>
          </a:p>
          <a:p>
            <a:pPr marL="0" indent="0">
              <a:buNone/>
            </a:pPr>
            <a:r>
              <a:rPr lang="da-DK" sz="1600" dirty="0"/>
              <a:t>   (Gældende fra marts 2021)</a:t>
            </a:r>
          </a:p>
          <a:p>
            <a:endParaRPr lang="da-DK" sz="1800" dirty="0"/>
          </a:p>
          <a:p>
            <a:pPr marL="0" indent="0">
              <a:buNone/>
            </a:pPr>
            <a:endParaRPr lang="da-DK" sz="1800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32CBA907-67B0-9FF3-0485-99F0CE74A6A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DA19D40A-4F64-DDC9-86FD-5FE84541836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73137" y="6612284"/>
            <a:ext cx="1259073" cy="179999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FC61113D-5F7F-0089-5DB7-81535132300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B718FF14-FDA4-C7B9-2682-69247E2EA71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59" y="6391172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730361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56AE94-E0C4-0B22-A5EB-184DEE3F3A1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DFD0E3DE-23DB-27B7-6F94-982EBE270506}"/>
              </a:ext>
            </a:extLst>
          </p:cNvPr>
          <p:cNvSpPr/>
          <p:nvPr/>
        </p:nvSpPr>
        <p:spPr>
          <a:xfrm>
            <a:off x="0" y="0"/>
            <a:ext cx="12192000" cy="6903719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0621CAA4-CA78-E2B7-6B58-39A8D08DB63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4" y="466828"/>
            <a:ext cx="10727999" cy="617967"/>
          </a:xfrm>
          <a:noFill/>
        </p:spPr>
        <p:txBody>
          <a:bodyPr anchor="ctr"/>
          <a:lstStyle/>
          <a:p>
            <a:r>
              <a:rPr lang="da-DK" sz="2400" dirty="0"/>
              <a:t> Opgaver for Driftsansvarlig</a:t>
            </a:r>
            <a:r>
              <a:rPr lang="da-DK" dirty="0"/>
              <a:t>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4E9C9C1-13D9-AE99-3845-78CA5DF79C5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4674" y="1438275"/>
            <a:ext cx="10728000" cy="3981450"/>
          </a:xfrm>
        </p:spPr>
        <p:txBody>
          <a:bodyPr/>
          <a:lstStyle/>
          <a:p>
            <a:r>
              <a:rPr lang="da-DK" sz="1600" dirty="0"/>
              <a:t>At alle installerede brandtekniske installationer, og komfortventilationsanlæg efterses og vedligeholdes.</a:t>
            </a:r>
          </a:p>
          <a:p>
            <a:endParaRPr lang="da-DK" sz="1600" dirty="0"/>
          </a:p>
          <a:p>
            <a:r>
              <a:rPr lang="da-DK" sz="1600" dirty="0"/>
              <a:t>At der føres logbøger eller logskemaer for kontrol og eftersyn af brandtekniske installationer.</a:t>
            </a:r>
          </a:p>
          <a:p>
            <a:endParaRPr lang="da-DK" sz="1600" dirty="0"/>
          </a:p>
          <a:p>
            <a:r>
              <a:rPr lang="da-DK" sz="1600" dirty="0"/>
              <a:t>At procedure ved fejl, nedbrud eller frakobling af brandsikringsanlæg følges.</a:t>
            </a:r>
          </a:p>
          <a:p>
            <a:endParaRPr lang="da-DK" sz="1600" dirty="0"/>
          </a:p>
          <a:p>
            <a:r>
              <a:rPr lang="da-DK" sz="1600" dirty="0"/>
              <a:t>At lave instruktion for alt fastansat personale, samt ejere, lejere og øvrige brugere, der til daglig færdes i bygningen. </a:t>
            </a:r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endParaRPr lang="da-DK" sz="1800" dirty="0"/>
          </a:p>
          <a:p>
            <a:pPr marL="0" indent="0" algn="ctr">
              <a:buNone/>
            </a:pPr>
            <a:r>
              <a:rPr lang="da-DK" sz="1800" dirty="0">
                <a:solidFill>
                  <a:srgbClr val="0070C0"/>
                </a:solidFill>
              </a:rPr>
              <a:t>Det er altid bygningsejer der er ansvarlig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9FDDDA61-3401-C5E4-2E02-D270676149E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516867EB-5637-60DD-3782-A84DC61C55D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61562" y="6644955"/>
            <a:ext cx="1282223" cy="1800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BB2123F5-7F72-5FDE-2434-3F6653031B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313F1DCD-311B-1F8A-57CF-14049FDD1A2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59" y="6391172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92017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6" presetClass="emph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6" dur="1250" tmFilter="0, 0; .2, .5; .8, .5; 1, 0"/>
                                        <p:tgtEl>
                                          <p:spTgt spid="4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Scale>
                                      <p:cBhvr>
                                        <p:cTn id="7" dur="625" autoRev="1" fill="hold"/>
                                        <p:tgtEl>
                                          <p:spTgt spid="4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  <p:by x="105000" y="105000"/>
                                    </p:animScale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94C5532-45B4-EEC4-749A-A858569D7A7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51CE76C0-0AEA-A9F6-F660-9A2348A84D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66828"/>
            <a:ext cx="10727999" cy="576935"/>
          </a:xfrm>
          <a:solidFill>
            <a:schemeClr val="tx2"/>
          </a:solidFill>
        </p:spPr>
        <p:txBody>
          <a:bodyPr anchor="ctr"/>
          <a:lstStyle/>
          <a:p>
            <a:r>
              <a:rPr lang="da-DK" sz="2400" dirty="0"/>
              <a:t>Afprøvning af alarmoverførelsen til redningsberedskabet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2BA6AFB-6438-EA8F-36C8-5C15A7A16BE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4674" y="1438275"/>
            <a:ext cx="10728000" cy="3981450"/>
          </a:xfrm>
        </p:spPr>
        <p:txBody>
          <a:bodyPr/>
          <a:lstStyle/>
          <a:p>
            <a:pPr marL="0" indent="0">
              <a:buNone/>
            </a:pPr>
            <a:r>
              <a:rPr lang="da-DK" sz="1600" dirty="0"/>
              <a:t>BR18 vejledning til kapitel 5-Brand, kapitel 7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I forbindelse med aftalen om alarmoverførelsen til redningsberedskabet er der givet terminer for afprøvning af alarmoverførelsen. Denne kan variere fra ugentlig til årlig.</a:t>
            </a:r>
          </a:p>
          <a:p>
            <a:endParaRPr lang="da-DK" sz="1600" dirty="0"/>
          </a:p>
          <a:p>
            <a:endParaRPr lang="da-DK" sz="1600" dirty="0"/>
          </a:p>
          <a:p>
            <a:pPr marL="0" indent="0">
              <a:buNone/>
            </a:pPr>
            <a:endParaRPr lang="da-DK" sz="1800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B105484E-63C3-D7C3-6145-9573D59FEAE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87B78C15-9816-4CEC-F2F6-7219C389484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32626" y="6639589"/>
            <a:ext cx="1340096" cy="184834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51696FED-FDA2-D231-FCE6-412E70F37A2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58DBD41B-3F5B-D409-85B1-1A2558628C4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59" y="6391172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78608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59135D1-D51F-70E6-DC0E-58167E64973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>
            <a:extLst>
              <a:ext uri="{FF2B5EF4-FFF2-40B4-BE49-F238E27FC236}">
                <a16:creationId xmlns:a16="http://schemas.microsoft.com/office/drawing/2014/main" id="{B82CF7FE-0796-DA65-892B-E9E8FCFA0F56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E3ECC6CE-4FE0-715E-041B-E3542E54CE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 </a:t>
            </a:r>
            <a:r>
              <a:rPr lang="da-DK" sz="2400"/>
              <a:t>Kontrol trappesprinkling </a:t>
            </a:r>
            <a:endParaRPr lang="da-DK" sz="2400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73C4C629-8B99-DCC8-90D6-792D6D448F7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BAB0D29D-CC90-A6E2-4997-563D07CDE36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73136" y="6644955"/>
            <a:ext cx="1259073" cy="1800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DFB34725-C497-D574-79B8-A90D748973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5B7952A3-D6F3-F354-EDAB-7800C821240F}"/>
              </a:ext>
            </a:extLst>
          </p:cNvPr>
          <p:cNvSpPr txBox="1"/>
          <p:nvPr/>
        </p:nvSpPr>
        <p:spPr>
          <a:xfrm>
            <a:off x="574674" y="1349528"/>
            <a:ext cx="10727999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da-DK" sz="1600" dirty="0"/>
              <a:t>Skal udføres i henhold til udarbejdet DKV-plan 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da-DK" sz="1600" dirty="0"/>
              <a:t>Skal udarbejdes i henhold til BR18 vejledning til kapitel 5 brand- kapitel 7 punkt 7.5.2:</a:t>
            </a:r>
          </a:p>
          <a:p>
            <a:pPr algn="l"/>
            <a:r>
              <a:rPr lang="da-DK" sz="1600" dirty="0"/>
              <a:t>      - </a:t>
            </a:r>
            <a:r>
              <a:rPr lang="da-DK" sz="1600" i="1" dirty="0"/>
              <a:t>”Udover følgende beskrivelser for kontrol, eftersyn og vedligeholdelse skal retningslinjerne for kontrol, eftersyn og</a:t>
            </a:r>
          </a:p>
          <a:p>
            <a:pPr algn="l"/>
            <a:r>
              <a:rPr lang="da-DK" sz="1600" i="1" dirty="0"/>
              <a:t>        vedligeholdelse, som angivet i den for sprinkleranlægget valgte projekteringsstandard, udføres”.</a:t>
            </a:r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096CC2DF-4FF1-95DB-2B53-B6FF447BC19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75815" y="2854981"/>
            <a:ext cx="2373245" cy="3323655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24695503-DE8F-C78C-C53E-CAC215C4A54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43860" y="2854981"/>
            <a:ext cx="2373244" cy="3323655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C8F06F51-5027-1425-FFBD-5BCEF03AD0C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0805" y="6392972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920457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DB466A1-64AC-6216-511D-01287D8B79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E0CC2B24-E06B-5C06-81EB-85923BE694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449580"/>
            <a:ext cx="10728000" cy="594183"/>
          </a:xfrm>
          <a:solidFill>
            <a:schemeClr val="tx2"/>
          </a:solidFill>
        </p:spPr>
        <p:txBody>
          <a:bodyPr vert="horz" lIns="0" tIns="0" rIns="0" bIns="0" rtlCol="0" anchor="ctr" anchorCtr="0">
            <a:normAutofit/>
          </a:bodyPr>
          <a:lstStyle/>
          <a:p>
            <a:r>
              <a:rPr lang="da-DK" sz="2300" dirty="0"/>
              <a:t> Kontrol jf. DBI retningslinje 251/4001 1. udgave april 2009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9582EDA3-BD60-20A4-A0F2-33BE65BCB94E}"/>
              </a:ext>
            </a:extLst>
          </p:cNvPr>
          <p:cNvSpPr txBox="1"/>
          <p:nvPr/>
        </p:nvSpPr>
        <p:spPr>
          <a:xfrm>
            <a:off x="574675" y="1335277"/>
            <a:ext cx="6649529" cy="39814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b="1" dirty="0"/>
              <a:t>Kapitel 19.9.2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da-DK" sz="1600" b="1" dirty="0"/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b="1" dirty="0"/>
              <a:t>Afprøvning, drift og vedligeholdelse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Automatisk brandsikringsanlæg skal afprøves iht.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dirty="0"/>
              <a:t>   DBI Retningslinje 005, 3. udgave, maj 2008, bilag 1.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da-DK" sz="1600" dirty="0"/>
              <a:t> 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b="1" dirty="0"/>
              <a:t>Kontrolintervaller 005: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et kontrolleres dagligt at anlægget er i drift, uden fejlmeldinger og frakoblinger.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er laves ugentlig funktionstest af anlægget.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Hver måned kontrolleres frirum til sprinkler samt adgang for redningsberedskabet.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er udføres kvartalsvis funktionskontrol af vandstrømskontakter.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b="1" dirty="0"/>
              <a:t>Service og inspektion: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er skal udføres årlig serviceeftersyn af godkendt installationsfirma.</a:t>
            </a:r>
          </a:p>
          <a:p>
            <a:pPr marL="180000" indent="-1800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1600" dirty="0"/>
              <a:t>Der skal udføres årlig akkrediteret inspektion.</a:t>
            </a:r>
            <a:endParaRPr lang="da-DK" sz="1600" b="1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14D54DE9-0524-ADAE-FF13-CF579C6543D7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2084" t="1153" r="2424" b="2589"/>
          <a:stretch>
            <a:fillRect/>
          </a:stretch>
        </p:blipFill>
        <p:spPr>
          <a:xfrm>
            <a:off x="7224204" y="1916113"/>
            <a:ext cx="2972942" cy="3981450"/>
          </a:xfrm>
          <a:prstGeom prst="rect">
            <a:avLst/>
          </a:prstGeom>
          <a:noFill/>
        </p:spPr>
      </p:pic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FBE18685-594C-96F1-837C-C7235CFBD58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0687186" y="6653389"/>
            <a:ext cx="1230977" cy="179999"/>
          </a:xfrm>
        </p:spPr>
        <p:txBody>
          <a:bodyPr vert="horz" lIns="0" tIns="0" rIns="0" bIns="0" rtlCol="0" anchor="b" anchorCtr="0">
            <a:normAutofit/>
          </a:bodyPr>
          <a:lstStyle/>
          <a:p>
            <a:pPr>
              <a:spcAft>
                <a:spcPts val="600"/>
              </a:spcAft>
            </a:pPr>
            <a:r>
              <a:rPr lang="da-DK" kern="1200" dirty="0">
                <a:latin typeface="+mn-lt"/>
                <a:ea typeface="+mn-ea"/>
                <a:cs typeface="+mn-cs"/>
              </a:rPr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A7CFA4C7-5508-013E-4522-175B7BE8150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574674" y="6473389"/>
            <a:ext cx="334394" cy="180000"/>
          </a:xfrm>
        </p:spPr>
        <p:txBody>
          <a:bodyPr vert="horz" lIns="0" tIns="0" rIns="0" bIns="0" rtlCol="0" anchor="ctr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da-DK" smtClean="0"/>
              <a:pPr>
                <a:spcAft>
                  <a:spcPts val="600"/>
                </a:spcAft>
              </a:pPr>
              <a:t>8</a:t>
            </a:fld>
            <a:endParaRPr lang="da-DK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6D95781E-E1A2-7293-67D7-2BA436380BB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78009" y="6392972"/>
            <a:ext cx="1608938" cy="340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64142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33CAFC7-5A80-8ED8-7555-6767C2E2C57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89452263-1766-C944-4F53-1CEE166F169B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tint val="66000"/>
                  <a:satMod val="160000"/>
                </a:schemeClr>
              </a:gs>
              <a:gs pos="50000">
                <a:schemeClr val="tx2">
                  <a:tint val="44500"/>
                  <a:satMod val="160000"/>
                </a:schemeClr>
              </a:gs>
              <a:gs pos="100000">
                <a:schemeClr val="tx2">
                  <a:tint val="23500"/>
                  <a:satMod val="160000"/>
                </a:schemeClr>
              </a:gs>
            </a:gsLst>
            <a:lin ang="2700000" scaled="1"/>
            <a:tileRect/>
          </a:gra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8D77DA64-204F-C77C-D91E-C58AE72CC6F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5" y="502920"/>
            <a:ext cx="10727999" cy="540843"/>
          </a:xfrm>
          <a:noFill/>
        </p:spPr>
        <p:txBody>
          <a:bodyPr anchor="ctr"/>
          <a:lstStyle/>
          <a:p>
            <a:r>
              <a:rPr lang="da-DK" dirty="0"/>
              <a:t> </a:t>
            </a:r>
            <a:r>
              <a:rPr lang="da-DK" sz="2300" dirty="0"/>
              <a:t>Kontrol jf. DBI retningslinje 251/4001 3. udgave december 2021 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4D5EA025-0D21-8DCF-2FFA-43DA83CF87C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BCA720C2-9047-2BE2-F336-AAE687ECFBF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47519" y="6473389"/>
            <a:ext cx="8905876" cy="176400"/>
          </a:xfrm>
        </p:spPr>
        <p:txBody>
          <a:bodyPr/>
          <a:lstStyle/>
          <a:p>
            <a:r>
              <a:rPr lang="da-DK" dirty="0"/>
              <a:t>Brandteknisk Rådgivning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36F15DBC-3335-F7AE-2DDD-5563891E0BA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4CB13DEA-60F5-94CA-BCA9-905EBD404183}"/>
              </a:ext>
            </a:extLst>
          </p:cNvPr>
          <p:cNvSpPr txBox="1"/>
          <p:nvPr/>
        </p:nvSpPr>
        <p:spPr>
          <a:xfrm>
            <a:off x="574674" y="1296363"/>
            <a:ext cx="10727999" cy="35855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b="1" dirty="0"/>
              <a:t>Kapitel 19.9.2</a:t>
            </a:r>
          </a:p>
          <a:p>
            <a:pPr algn="l"/>
            <a:r>
              <a:rPr lang="da-DK" sz="1600" b="1" dirty="0"/>
              <a:t>Afprøvning, drift og vedligeholdelse</a:t>
            </a:r>
          </a:p>
          <a:p>
            <a:pPr algn="l"/>
            <a:endParaRPr lang="da-DK" sz="1600" b="1" dirty="0"/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da-DK" sz="1600" dirty="0"/>
              <a:t>Automatisk brandsikringsanlæg skal afprøves iht.</a:t>
            </a:r>
          </a:p>
          <a:p>
            <a:pPr algn="l"/>
            <a:r>
              <a:rPr lang="da-DK" sz="1600" dirty="0"/>
              <a:t>     DBI Retningslinje 005, 4. udgave, jan 2022.</a:t>
            </a:r>
          </a:p>
          <a:p>
            <a:pPr algn="l"/>
            <a:endParaRPr lang="da-DK" sz="1600" dirty="0"/>
          </a:p>
          <a:p>
            <a:pPr algn="l"/>
            <a:r>
              <a:rPr lang="da-DK" sz="1600" b="1" dirty="0"/>
              <a:t>Kontrolintervaller 005:</a:t>
            </a:r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Der skal ugentlig udføres funktionskontrol af pumper og sprinklercentral kontrol. </a:t>
            </a:r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Der skal udføres kvartalsvis kontrol af dokumentation og adgangsveje for redningsberedskabet.</a:t>
            </a:r>
          </a:p>
          <a:p>
            <a:pPr algn="l"/>
            <a:endParaRPr lang="da-DK" sz="1600" dirty="0"/>
          </a:p>
          <a:p>
            <a:pPr algn="l">
              <a:spcBef>
                <a:spcPts val="600"/>
              </a:spcBef>
            </a:pPr>
            <a:r>
              <a:rPr lang="da-DK" sz="1600" b="1" dirty="0"/>
              <a:t>Service og inspektion:</a:t>
            </a:r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Der skal årligt udføres serviceeftersyn af godkendt installationsfirma.</a:t>
            </a:r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600" dirty="0"/>
              <a:t>Der skal årlig udføres akkrediteret inspektion.</a:t>
            </a:r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FFF2BD69-4037-5AA0-0735-00D136DC2C0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59" y="6391172"/>
            <a:ext cx="1608938" cy="340834"/>
          </a:xfrm>
          <a:prstGeom prst="rect">
            <a:avLst/>
          </a:prstGeom>
        </p:spPr>
      </p:pic>
      <p:sp>
        <p:nvSpPr>
          <p:cNvPr id="4" name="Pladsholder til sidefod 5">
            <a:extLst>
              <a:ext uri="{FF2B5EF4-FFF2-40B4-BE49-F238E27FC236}">
                <a16:creationId xmlns:a16="http://schemas.microsoft.com/office/drawing/2014/main" id="{2E38B77F-8216-2F5A-4C64-07965BA4CE5B}"/>
              </a:ext>
            </a:extLst>
          </p:cNvPr>
          <p:cNvSpPr txBox="1">
            <a:spLocks/>
          </p:cNvSpPr>
          <p:nvPr/>
        </p:nvSpPr>
        <p:spPr>
          <a:xfrm>
            <a:off x="10678505" y="6653389"/>
            <a:ext cx="1248339" cy="168762"/>
          </a:xfrm>
          <a:prstGeom prst="rect">
            <a:avLst/>
          </a:prstGeom>
        </p:spPr>
        <p:txBody>
          <a:bodyPr vert="horz" lIns="0" tIns="0" rIns="0" bIns="0" rtlCol="0" anchor="b" anchorCtr="0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800" kern="1200">
                <a:solidFill>
                  <a:srgbClr val="AEAFAF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r>
              <a:rPr lang="da-DK"/>
              <a:t>Brandteknisk Rådgivning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280133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wp0yp.nTtH9n5hAf2nWPg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00304357890600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Blank">
  <a:themeElements>
    <a:clrScheme name="Falck">
      <a:dk1>
        <a:srgbClr val="000000"/>
      </a:dk1>
      <a:lt1>
        <a:srgbClr val="FFFFFF"/>
      </a:lt1>
      <a:dk2>
        <a:srgbClr val="FF1E28"/>
      </a:dk2>
      <a:lt2>
        <a:srgbClr val="425565"/>
      </a:lt2>
      <a:accent1>
        <a:srgbClr val="1B2045"/>
      </a:accent1>
      <a:accent2>
        <a:srgbClr val="E9E9E9"/>
      </a:accent2>
      <a:accent3>
        <a:srgbClr val="2949FA"/>
      </a:accent3>
      <a:accent4>
        <a:srgbClr val="94A4FD"/>
      </a:accent4>
      <a:accent5>
        <a:srgbClr val="66182A"/>
      </a:accent5>
      <a:accent6>
        <a:srgbClr val="BCA5AB"/>
      </a:accent6>
      <a:hlink>
        <a:srgbClr val="0000FF"/>
      </a:hlink>
      <a:folHlink>
        <a:srgbClr val="66182A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solidFill>
            <a:schemeClr val="tx2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2000" dirty="0" err="1"/>
        </a:defPPr>
      </a:lstStyle>
    </a:txDef>
  </a:objectDefaults>
  <a:extraClrSchemeLst/>
  <a:custClrLst>
    <a:custClr name="White">
      <a:srgbClr val="FFFFFF"/>
    </a:custClr>
    <a:custClr name="Black">
      <a:srgbClr val="000000"/>
    </a:custClr>
    <a:custClr name="Dark grey">
      <a:srgbClr val="425565"/>
    </a:custClr>
    <a:custClr name="Falck red">
      <a:srgbClr val="FF1E28"/>
    </a:custClr>
    <a:custClr name="Dark blue">
      <a:srgbClr val="1B2045"/>
    </a:custClr>
    <a:custClr name="Cool grey">
      <a:srgbClr val="E9E9E9"/>
    </a:custClr>
    <a:custClr name="Vibrant blue">
      <a:srgbClr val="2949FA"/>
    </a:custClr>
    <a:custClr name="Light vibrant blue">
      <a:srgbClr val="94A4FD"/>
    </a:custClr>
    <a:custClr name="Dark red">
      <a:srgbClr val="66182A"/>
    </a:custClr>
    <a:custClr name="Light red">
      <a:srgbClr val="BCA5AB"/>
    </a:custClr>
    <a:custClr name="Response yellow">
      <a:srgbClr val="FFE600"/>
    </a:custClr>
    <a:custClr name="Green">
      <a:srgbClr val="17D471"/>
    </a:custClr>
  </a:custClrLst>
  <a:extLst>
    <a:ext uri="{05A4C25C-085E-4340-85A3-A5531E510DB2}">
      <thm15:themeFamily xmlns:thm15="http://schemas.microsoft.com/office/thememl/2012/main" name="Blank.potx" id="{DB9BCBFB-C94D-4299-8507-228305D5B4BA}" vid="{657CAB0B-F787-4239-A23D-C929C00A501E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hite">
      <a:srgbClr val="FFFFFF"/>
    </a:custClr>
    <a:custClr name="Black">
      <a:srgbClr val="000000"/>
    </a:custClr>
    <a:custClr name="Dark grey">
      <a:srgbClr val="425565"/>
    </a:custClr>
    <a:custClr name="Falck red">
      <a:srgbClr val="FF1E28"/>
    </a:custClr>
    <a:custClr name="Dark blue">
      <a:srgbClr val="1B2045"/>
    </a:custClr>
    <a:custClr name="Cool grey">
      <a:srgbClr val="E9E9E9"/>
    </a:custClr>
    <a:custClr name="Vibrant blue">
      <a:srgbClr val="2949FA"/>
    </a:custClr>
    <a:custClr name="Light vibrant blue">
      <a:srgbClr val="94A4FD"/>
    </a:custClr>
    <a:custClr name="Dark red">
      <a:srgbClr val="66182A"/>
    </a:custClr>
    <a:custClr name="Light red">
      <a:srgbClr val="BCA5AB"/>
    </a:custClr>
    <a:custClr name="Response yellow">
      <a:srgbClr val="FFE600"/>
    </a:custClr>
    <a:custClr name="Green">
      <a:srgbClr val="17D471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hite">
      <a:srgbClr val="FFFFFF"/>
    </a:custClr>
    <a:custClr name="Black">
      <a:srgbClr val="000000"/>
    </a:custClr>
    <a:custClr name="Dark grey">
      <a:srgbClr val="425565"/>
    </a:custClr>
    <a:custClr name="Falck red">
      <a:srgbClr val="FF1E28"/>
    </a:custClr>
    <a:custClr name="Dark blue">
      <a:srgbClr val="1B2045"/>
    </a:custClr>
    <a:custClr name="Cool grey">
      <a:srgbClr val="E9E9E9"/>
    </a:custClr>
    <a:custClr name="Vibrant blue">
      <a:srgbClr val="2949FA"/>
    </a:custClr>
    <a:custClr name="Light vibrant blue">
      <a:srgbClr val="94A4FD"/>
    </a:custClr>
    <a:custClr name="Dark red">
      <a:srgbClr val="66182A"/>
    </a:custClr>
    <a:custClr name="Light red">
      <a:srgbClr val="BCA5AB"/>
    </a:custClr>
    <a:custClr name="Response yellow">
      <a:srgbClr val="FFE600"/>
    </a:custClr>
    <a:custClr name="Green">
      <a:srgbClr val="17D471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Falck blank 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1067718081790345217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983AC0A-05D3-4754-A086-CDD7A70A805C}">
  <ds:schemaRefs/>
</ds:datastoreItem>
</file>

<file path=customXml/itemProps2.xml><?xml version="1.0" encoding="utf-8"?>
<ds:datastoreItem xmlns:ds="http://schemas.openxmlformats.org/officeDocument/2006/customXml" ds:itemID="{4E2741EC-507A-4A87-A208-DCD2EF8AE708}">
  <ds:schemaRefs/>
</ds:datastoreItem>
</file>

<file path=customXml/itemProps3.xml><?xml version="1.0" encoding="utf-8"?>
<ds:datastoreItem xmlns:ds="http://schemas.openxmlformats.org/officeDocument/2006/customXml" ds:itemID="{0815082D-7FAF-4B8C-899A-80A7B2E061AC}">
  <ds:schemaRefs/>
</ds:datastoreItem>
</file>

<file path=customXml/itemProps4.xml><?xml version="1.0" encoding="utf-8"?>
<ds:datastoreItem xmlns:ds="http://schemas.openxmlformats.org/officeDocument/2006/customXml" ds:itemID="{3ACD7CC4-8F76-4080-84E9-D3A7E6EB1C4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348</TotalTime>
  <Words>1713</Words>
  <Application>Microsoft Office PowerPoint</Application>
  <PresentationFormat>Widescreen</PresentationFormat>
  <Paragraphs>322</Paragraphs>
  <Slides>26</Slides>
  <Notes>1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26</vt:i4>
      </vt:variant>
    </vt:vector>
  </HeadingPairs>
  <TitlesOfParts>
    <vt:vector size="30" baseType="lpstr">
      <vt:lpstr>Arial</vt:lpstr>
      <vt:lpstr>Arial Black</vt:lpstr>
      <vt:lpstr>Blank</vt:lpstr>
      <vt:lpstr>think-cell Slide</vt:lpstr>
      <vt:lpstr>Eftersyn af brandtekniske installationer og passiv brandsikring</vt:lpstr>
      <vt:lpstr> Brandtekniske installationer </vt:lpstr>
      <vt:lpstr>Materiale for kontrol af brandtekniske installationer</vt:lpstr>
      <vt:lpstr> Lovgivning </vt:lpstr>
      <vt:lpstr> Opgaver for Driftsansvarlig </vt:lpstr>
      <vt:lpstr>Afprøvning af alarmoverførelsen til redningsberedskabet </vt:lpstr>
      <vt:lpstr> Kontrol trappesprinkling </vt:lpstr>
      <vt:lpstr> Kontrol jf. DBI retningslinje 251/4001 1. udgave april 2009 </vt:lpstr>
      <vt:lpstr> Kontrol jf. DBI retningslinje 251/4001 3. udgave december 2021 </vt:lpstr>
      <vt:lpstr> Brandventilation i luftsluse over 22 meter (ABV)</vt:lpstr>
      <vt:lpstr> Røgudluftning-RU</vt:lpstr>
      <vt:lpstr>Flugtvejs- og panikbelysning</vt:lpstr>
      <vt:lpstr> Stigrør</vt:lpstr>
      <vt:lpstr> Brandmandselevator</vt:lpstr>
      <vt:lpstr>Passiv brandsikring </vt:lpstr>
      <vt:lpstr>Klassifikation af byggevare</vt:lpstr>
      <vt:lpstr> Kontrol af passiv brandsikring </vt:lpstr>
      <vt:lpstr> Kontrol af gennemføringer  </vt:lpstr>
      <vt:lpstr> Eksisterende forhold før 1998  </vt:lpstr>
      <vt:lpstr> Eksisterende forhold 1998 - 2018  </vt:lpstr>
      <vt:lpstr> Eksisterende forhold 1998 - 2018  </vt:lpstr>
      <vt:lpstr>Kontrol af gennemføringer efter BR18  </vt:lpstr>
      <vt:lpstr> Beklædning </vt:lpstr>
      <vt:lpstr> Indvendig loft beklædning  </vt:lpstr>
      <vt:lpstr> Indvendig nedhængt loft  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Thomas Larsen1</dc:creator>
  <cp:lastModifiedBy>Ole Nedahl</cp:lastModifiedBy>
  <cp:revision>8</cp:revision>
  <dcterms:created xsi:type="dcterms:W3CDTF">2025-07-17T09:43:43Z</dcterms:created>
  <dcterms:modified xsi:type="dcterms:W3CDTF">2026-05-11T07:01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513d6eb5-b569-4ec8-bb5e-41841ec5db11_Enabled">
    <vt:lpwstr>true</vt:lpwstr>
  </property>
  <property fmtid="{D5CDD505-2E9C-101B-9397-08002B2CF9AE}" pid="3" name="MSIP_Label_513d6eb5-b569-4ec8-bb5e-41841ec5db11_SetDate">
    <vt:lpwstr>2024-09-02T14:32:30Z</vt:lpwstr>
  </property>
  <property fmtid="{D5CDD505-2E9C-101B-9397-08002B2CF9AE}" pid="4" name="MSIP_Label_513d6eb5-b569-4ec8-bb5e-41841ec5db11_Method">
    <vt:lpwstr>Standard</vt:lpwstr>
  </property>
  <property fmtid="{D5CDD505-2E9C-101B-9397-08002B2CF9AE}" pid="5" name="MSIP_Label_513d6eb5-b569-4ec8-bb5e-41841ec5db11_Name">
    <vt:lpwstr>Internal</vt:lpwstr>
  </property>
  <property fmtid="{D5CDD505-2E9C-101B-9397-08002B2CF9AE}" pid="6" name="MSIP_Label_513d6eb5-b569-4ec8-bb5e-41841ec5db11_SiteId">
    <vt:lpwstr>b131966a-2068-4b91-aeab-577ed32cecd1</vt:lpwstr>
  </property>
  <property fmtid="{D5CDD505-2E9C-101B-9397-08002B2CF9AE}" pid="7" name="MSIP_Label_513d6eb5-b569-4ec8-bb5e-41841ec5db11_ActionId">
    <vt:lpwstr>2e2adfa6-b0fb-4026-acb4-76caeb832c71</vt:lpwstr>
  </property>
  <property fmtid="{D5CDD505-2E9C-101B-9397-08002B2CF9AE}" pid="8" name="MSIP_Label_513d6eb5-b569-4ec8-bb5e-41841ec5db11_ContentBits">
    <vt:lpwstr>0</vt:lpwstr>
  </property>
  <property fmtid="{D5CDD505-2E9C-101B-9397-08002B2CF9AE}" pid="9" name="TemplafyTimeStamp">
    <vt:lpwstr>2024-12-09T15:25:44</vt:lpwstr>
  </property>
  <property fmtid="{D5CDD505-2E9C-101B-9397-08002B2CF9AE}" pid="10" name="TemplafyTenantId">
    <vt:lpwstr>falck</vt:lpwstr>
  </property>
  <property fmtid="{D5CDD505-2E9C-101B-9397-08002B2CF9AE}" pid="11" name="TemplafyTemplateId">
    <vt:lpwstr>1067718073102368910</vt:lpwstr>
  </property>
  <property fmtid="{D5CDD505-2E9C-101B-9397-08002B2CF9AE}" pid="12" name="TemplafyUserProfileId">
    <vt:lpwstr>1225651029772075015</vt:lpwstr>
  </property>
  <property fmtid="{D5CDD505-2E9C-101B-9397-08002B2CF9AE}" pid="13" name="TemplafyLanguageCode">
    <vt:lpwstr>da-DK</vt:lpwstr>
  </property>
  <property fmtid="{D5CDD505-2E9C-101B-9397-08002B2CF9AE}" pid="14" name="TemplafyFromBlank">
    <vt:bool>true</vt:bool>
  </property>
</Properties>
</file>